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drawings/drawing15.xml" ContentType="application/vnd.openxmlformats-officedocument.drawing+xml"/>
  <Override PartName="/xl/drawings/drawing16.xml" ContentType="application/vnd.openxmlformats-officedocument.drawing+xml"/>
  <Override PartName="/xl/drawings/drawing17.xml" ContentType="application/vnd.openxmlformats-officedocument.drawing+xml"/>
  <Override PartName="/xl/drawings/drawing18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208008\Desktop\時刻表\"/>
    </mc:Choice>
  </mc:AlternateContent>
  <bookViews>
    <workbookView xWindow="0" yWindow="0" windowWidth="20490" windowHeight="7575"/>
  </bookViews>
  <sheets>
    <sheet name="⓪" sheetId="6" r:id="rId1"/>
    <sheet name="①" sheetId="1" r:id="rId2"/>
    <sheet name="②" sheetId="7" r:id="rId3"/>
    <sheet name="③" sheetId="8" r:id="rId4"/>
    <sheet name="④" sheetId="9" r:id="rId5"/>
    <sheet name="⑤" sheetId="2" r:id="rId6"/>
    <sheet name="⑥" sheetId="10" r:id="rId7"/>
    <sheet name="⑦" sheetId="3" r:id="rId8"/>
    <sheet name="⑧" sheetId="11" r:id="rId9"/>
    <sheet name="⑨" sheetId="12" r:id="rId10"/>
    <sheet name="⑩" sheetId="13" r:id="rId11"/>
    <sheet name="⑪" sheetId="5" r:id="rId12"/>
    <sheet name="⑫" sheetId="14" r:id="rId13"/>
    <sheet name="⑬" sheetId="15" r:id="rId14"/>
    <sheet name="⑭(ﾌﾚｾﾝ) " sheetId="16" r:id="rId15"/>
    <sheet name="⑭(ランド) " sheetId="17" r:id="rId16"/>
    <sheet name="⑮" sheetId="18" r:id="rId17"/>
    <sheet name="⑯" sheetId="19" r:id="rId18"/>
    <sheet name="⑰" sheetId="20" r:id="rId19"/>
    <sheet name="⑱" sheetId="4" r:id="rId20"/>
  </sheets>
  <definedNames>
    <definedName name="_xlnm.Print_Area" localSheetId="1">①!$A$1:$AA$47</definedName>
    <definedName name="_xlnm.Print_Area" localSheetId="2">②!$A$1:$AB$57</definedName>
    <definedName name="_xlnm.Print_Area" localSheetId="3">③!$A$1:$Z$52</definedName>
    <definedName name="_xlnm.Print_Area" localSheetId="4">④!$A$1:$N$38</definedName>
    <definedName name="_xlnm.Print_Area" localSheetId="6">⑥!$A$1:$Q$93</definedName>
    <definedName name="_xlnm.Print_Area" localSheetId="7">⑦!$A$1:$AD$48</definedName>
    <definedName name="_xlnm.Print_Area" localSheetId="8">⑧!$A$1:$H$37</definedName>
    <definedName name="_xlnm.Print_Area" localSheetId="9">⑨!$A$1:$I$39</definedName>
    <definedName name="_xlnm.Print_Area" localSheetId="10">⑩!$A$1:$H$47</definedName>
    <definedName name="_xlnm.Print_Area" localSheetId="11">⑪!#REF!</definedName>
    <definedName name="_xlnm.Print_Area" localSheetId="12">⑫!$A$1:$M$53</definedName>
    <definedName name="_xlnm.Print_Area" localSheetId="13">⑬!$A$1:$R$58</definedName>
    <definedName name="_xlnm.Print_Area" localSheetId="14">'⑭(ﾌﾚｾﾝ) '!$A$1:$O$46</definedName>
    <definedName name="_xlnm.Print_Area" localSheetId="15">'⑭(ランド) '!$A$1:$N$46</definedName>
    <definedName name="_xlnm.Print_Area" localSheetId="16">⑮!$A$1:$N$39</definedName>
    <definedName name="_xlnm.Print_Area" localSheetId="17">⑯!$A$1:$Q$37</definedName>
    <definedName name="_xlnm.Print_Area" localSheetId="18">⑰!$A$1:$G$51</definedName>
    <definedName name="_xlnm.Print_Area" localSheetId="19">⑱!$A$1:$W$3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33" uniqueCount="898">
  <si>
    <t>大　門　方　面　行　き</t>
    <rPh sb="0" eb="1">
      <t>ダイ</t>
    </rPh>
    <rPh sb="2" eb="3">
      <t>モン</t>
    </rPh>
    <rPh sb="4" eb="5">
      <t>カタ</t>
    </rPh>
    <rPh sb="6" eb="7">
      <t>メン</t>
    </rPh>
    <rPh sb="8" eb="9">
      <t>イ</t>
    </rPh>
    <phoneticPr fontId="3"/>
  </si>
  <si>
    <t>バス停名</t>
    <rPh sb="2" eb="3">
      <t>テイ</t>
    </rPh>
    <rPh sb="3" eb="4">
      <t>メイ</t>
    </rPh>
    <phoneticPr fontId="3"/>
  </si>
  <si>
    <t>第1便</t>
    <rPh sb="0" eb="1">
      <t>ダイ</t>
    </rPh>
    <rPh sb="2" eb="3">
      <t>ビン</t>
    </rPh>
    <phoneticPr fontId="3"/>
  </si>
  <si>
    <t>第2便</t>
    <rPh sb="0" eb="1">
      <t>ダイ</t>
    </rPh>
    <rPh sb="2" eb="3">
      <t>ビン</t>
    </rPh>
    <phoneticPr fontId="3"/>
  </si>
  <si>
    <t>第3便</t>
    <rPh sb="0" eb="1">
      <t>ダイ</t>
    </rPh>
    <rPh sb="2" eb="3">
      <t>ビン</t>
    </rPh>
    <phoneticPr fontId="3"/>
  </si>
  <si>
    <t>第4便</t>
    <rPh sb="0" eb="1">
      <t>ダイ</t>
    </rPh>
    <rPh sb="2" eb="3">
      <t>ビン</t>
    </rPh>
    <phoneticPr fontId="3"/>
  </si>
  <si>
    <t>第5便</t>
    <rPh sb="0" eb="1">
      <t>ダイ</t>
    </rPh>
    <rPh sb="2" eb="3">
      <t>ビン</t>
    </rPh>
    <phoneticPr fontId="3"/>
  </si>
  <si>
    <t>第6便</t>
    <rPh sb="0" eb="1">
      <t>ダイ</t>
    </rPh>
    <rPh sb="2" eb="3">
      <t>ビン</t>
    </rPh>
    <phoneticPr fontId="3"/>
  </si>
  <si>
    <t>第7便</t>
    <rPh sb="0" eb="1">
      <t>ダイ</t>
    </rPh>
    <rPh sb="2" eb="3">
      <t>ビン</t>
    </rPh>
    <phoneticPr fontId="3"/>
  </si>
  <si>
    <t>第8便</t>
    <rPh sb="0" eb="1">
      <t>ダイ</t>
    </rPh>
    <rPh sb="2" eb="3">
      <t>ビン</t>
    </rPh>
    <phoneticPr fontId="3"/>
  </si>
  <si>
    <t>第9便</t>
    <rPh sb="0" eb="1">
      <t>ダイ</t>
    </rPh>
    <rPh sb="2" eb="3">
      <t>ビン</t>
    </rPh>
    <phoneticPr fontId="3"/>
  </si>
  <si>
    <r>
      <t>第</t>
    </r>
    <r>
      <rPr>
        <sz val="12"/>
        <rFont val="ＭＳ Ｐゴシック"/>
        <family val="3"/>
        <charset val="128"/>
      </rPr>
      <t>10</t>
    </r>
    <r>
      <rPr>
        <sz val="14"/>
        <rFont val="ＭＳ Ｐゴシック"/>
        <family val="3"/>
        <charset val="128"/>
      </rPr>
      <t>便</t>
    </r>
    <rPh sb="0" eb="1">
      <t>ダイ</t>
    </rPh>
    <rPh sb="3" eb="4">
      <t>ビン</t>
    </rPh>
    <phoneticPr fontId="3"/>
  </si>
  <si>
    <r>
      <t>第</t>
    </r>
    <r>
      <rPr>
        <sz val="12"/>
        <rFont val="ＭＳ Ｐゴシック"/>
        <family val="3"/>
        <charset val="128"/>
      </rPr>
      <t>11</t>
    </r>
    <r>
      <rPr>
        <sz val="14"/>
        <rFont val="ＭＳ Ｐゴシック"/>
        <family val="3"/>
        <charset val="128"/>
      </rPr>
      <t>便</t>
    </r>
    <rPh sb="0" eb="1">
      <t>ダイ</t>
    </rPh>
    <rPh sb="3" eb="4">
      <t>ビン</t>
    </rPh>
    <phoneticPr fontId="3"/>
  </si>
  <si>
    <t>新　湊　方　面　行　き</t>
    <rPh sb="0" eb="1">
      <t>シン</t>
    </rPh>
    <rPh sb="2" eb="3">
      <t>ミナト</t>
    </rPh>
    <rPh sb="4" eb="5">
      <t>カタ</t>
    </rPh>
    <rPh sb="6" eb="7">
      <t>メン</t>
    </rPh>
    <rPh sb="8" eb="9">
      <t>イ</t>
    </rPh>
    <phoneticPr fontId="3"/>
  </si>
  <si>
    <t>越ノ潟</t>
    <rPh sb="0" eb="1">
      <t>コシ</t>
    </rPh>
    <rPh sb="2" eb="3">
      <t>カタ</t>
    </rPh>
    <phoneticPr fontId="3"/>
  </si>
  <si>
    <t>越中大門駅</t>
    <rPh sb="0" eb="2">
      <t>エッチュウ</t>
    </rPh>
    <rPh sb="2" eb="5">
      <t>ダイモンエキ</t>
    </rPh>
    <phoneticPr fontId="3"/>
  </si>
  <si>
    <t>-</t>
    <phoneticPr fontId="3"/>
  </si>
  <si>
    <t>海王丸駅前</t>
    <rPh sb="0" eb="1">
      <t>カイ</t>
    </rPh>
    <rPh sb="1" eb="3">
      <t>オウマル</t>
    </rPh>
    <rPh sb="3" eb="5">
      <t>エキマエ</t>
    </rPh>
    <phoneticPr fontId="3"/>
  </si>
  <si>
    <t>大島南部公園前</t>
    <rPh sb="0" eb="2">
      <t>オオシマ</t>
    </rPh>
    <rPh sb="2" eb="4">
      <t>ナンブ</t>
    </rPh>
    <rPh sb="4" eb="6">
      <t>コウエン</t>
    </rPh>
    <rPh sb="6" eb="7">
      <t>マエ</t>
    </rPh>
    <phoneticPr fontId="3"/>
  </si>
  <si>
    <t>↓</t>
  </si>
  <si>
    <t>海王丸パーク</t>
    <rPh sb="0" eb="1">
      <t>カイ</t>
    </rPh>
    <rPh sb="1" eb="3">
      <t>オウマル</t>
    </rPh>
    <phoneticPr fontId="3"/>
  </si>
  <si>
    <t>↓</t>
    <phoneticPr fontId="3"/>
  </si>
  <si>
    <t>JAいみず野前</t>
    <rPh sb="5" eb="6">
      <t>ノ</t>
    </rPh>
    <rPh sb="6" eb="7">
      <t>マエ</t>
    </rPh>
    <phoneticPr fontId="3"/>
  </si>
  <si>
    <t>きっときと市場前</t>
    <rPh sb="5" eb="7">
      <t>イチバ</t>
    </rPh>
    <rPh sb="7" eb="8">
      <t>マエ</t>
    </rPh>
    <phoneticPr fontId="3"/>
  </si>
  <si>
    <t>大門中学校</t>
    <rPh sb="0" eb="2">
      <t>ダイモン</t>
    </rPh>
    <rPh sb="2" eb="5">
      <t>チュウガッコウ</t>
    </rPh>
    <phoneticPr fontId="3"/>
  </si>
  <si>
    <t>新湊漁港口</t>
    <rPh sb="0" eb="2">
      <t>シンミナト</t>
    </rPh>
    <rPh sb="2" eb="4">
      <t>ギョコウ</t>
    </rPh>
    <rPh sb="4" eb="5">
      <t>グチ</t>
    </rPh>
    <phoneticPr fontId="3"/>
  </si>
  <si>
    <t>大門高校前</t>
    <rPh sb="0" eb="2">
      <t>ダイモン</t>
    </rPh>
    <rPh sb="2" eb="4">
      <t>コウコウ</t>
    </rPh>
    <rPh sb="4" eb="5">
      <t>マエ</t>
    </rPh>
    <phoneticPr fontId="3"/>
  </si>
  <si>
    <t>日本高周波前</t>
    <rPh sb="0" eb="2">
      <t>ニホン</t>
    </rPh>
    <rPh sb="2" eb="5">
      <t>コウシュウハ</t>
    </rPh>
    <rPh sb="5" eb="6">
      <t>マエ</t>
    </rPh>
    <phoneticPr fontId="3"/>
  </si>
  <si>
    <t>赤井コミュニティ21前</t>
    <rPh sb="0" eb="2">
      <t>アカイ</t>
    </rPh>
    <rPh sb="10" eb="11">
      <t>マエ</t>
    </rPh>
    <phoneticPr fontId="3"/>
  </si>
  <si>
    <t>八幡公園前</t>
    <rPh sb="0" eb="5">
      <t>ハチマンコウエンマエ</t>
    </rPh>
    <phoneticPr fontId="3"/>
  </si>
  <si>
    <t>赤井市営住宅口</t>
    <rPh sb="0" eb="2">
      <t>アカイ</t>
    </rPh>
    <rPh sb="2" eb="4">
      <t>シエイ</t>
    </rPh>
    <rPh sb="4" eb="6">
      <t>ジュウタク</t>
    </rPh>
    <rPh sb="6" eb="7">
      <t>クチ</t>
    </rPh>
    <phoneticPr fontId="3"/>
  </si>
  <si>
    <t>放生津八幡宮前</t>
    <rPh sb="0" eb="3">
      <t>ホウジョウヅ</t>
    </rPh>
    <rPh sb="3" eb="6">
      <t>ハチマングウ</t>
    </rPh>
    <rPh sb="6" eb="7">
      <t>マエ</t>
    </rPh>
    <phoneticPr fontId="3"/>
  </si>
  <si>
    <t>大島分庁舎前</t>
    <rPh sb="0" eb="2">
      <t>オオシマ</t>
    </rPh>
    <rPh sb="2" eb="3">
      <t>ブン</t>
    </rPh>
    <rPh sb="3" eb="5">
      <t>チョウシャ</t>
    </rPh>
    <rPh sb="5" eb="6">
      <t>マエ</t>
    </rPh>
    <phoneticPr fontId="3"/>
  </si>
  <si>
    <t>神明宮前</t>
    <rPh sb="0" eb="1">
      <t>シン</t>
    </rPh>
    <rPh sb="1" eb="2">
      <t>メイ</t>
    </rPh>
    <rPh sb="2" eb="3">
      <t>グウ</t>
    </rPh>
    <rPh sb="3" eb="4">
      <t>マエ</t>
    </rPh>
    <phoneticPr fontId="3"/>
  </si>
  <si>
    <t>アプリオ前</t>
    <rPh sb="4" eb="5">
      <t>マエ</t>
    </rPh>
    <phoneticPr fontId="3"/>
  </si>
  <si>
    <t>かぐら橋北口</t>
    <rPh sb="3" eb="4">
      <t>ハシ</t>
    </rPh>
    <rPh sb="4" eb="6">
      <t>キタグチ</t>
    </rPh>
    <phoneticPr fontId="3"/>
  </si>
  <si>
    <t>小島</t>
    <rPh sb="0" eb="2">
      <t>コジマ</t>
    </rPh>
    <phoneticPr fontId="3"/>
  </si>
  <si>
    <t>-</t>
    <phoneticPr fontId="3"/>
  </si>
  <si>
    <t>気比住吉神社前</t>
    <rPh sb="0" eb="1">
      <t>ケ</t>
    </rPh>
    <rPh sb="1" eb="2">
      <t>ヒ</t>
    </rPh>
    <rPh sb="2" eb="4">
      <t>スミヨシ</t>
    </rPh>
    <rPh sb="4" eb="6">
      <t>ジンジャ</t>
    </rPh>
    <rPh sb="6" eb="7">
      <t>マエ</t>
    </rPh>
    <phoneticPr fontId="3"/>
  </si>
  <si>
    <t>小島北</t>
    <rPh sb="0" eb="2">
      <t>コジマ</t>
    </rPh>
    <rPh sb="2" eb="3">
      <t>キタ</t>
    </rPh>
    <phoneticPr fontId="3"/>
  </si>
  <si>
    <t>古新町郵便局前</t>
    <rPh sb="0" eb="1">
      <t>フル</t>
    </rPh>
    <rPh sb="1" eb="3">
      <t>シンマチ</t>
    </rPh>
    <rPh sb="3" eb="6">
      <t>ユウビンキョク</t>
    </rPh>
    <rPh sb="6" eb="7">
      <t>マエ</t>
    </rPh>
    <phoneticPr fontId="3"/>
  </si>
  <si>
    <t>北高木</t>
    <rPh sb="0" eb="1">
      <t>キタ</t>
    </rPh>
    <rPh sb="1" eb="3">
      <t>タカギ</t>
    </rPh>
    <phoneticPr fontId="3"/>
  </si>
  <si>
    <t>本町１丁目東</t>
    <rPh sb="0" eb="2">
      <t>ホンマチ</t>
    </rPh>
    <rPh sb="3" eb="5">
      <t>チョウメ</t>
    </rPh>
    <rPh sb="5" eb="6">
      <t>ヒガシ</t>
    </rPh>
    <phoneticPr fontId="3"/>
  </si>
  <si>
    <t>大島企業団地</t>
    <rPh sb="0" eb="2">
      <t>オオシマ</t>
    </rPh>
    <rPh sb="2" eb="4">
      <t>キギョウ</t>
    </rPh>
    <rPh sb="4" eb="6">
      <t>ダンチ</t>
    </rPh>
    <phoneticPr fontId="3"/>
  </si>
  <si>
    <t>新湊地区センター前</t>
    <rPh sb="0" eb="2">
      <t>シンミナト</t>
    </rPh>
    <rPh sb="2" eb="4">
      <t>チク</t>
    </rPh>
    <rPh sb="8" eb="9">
      <t>マエ</t>
    </rPh>
    <phoneticPr fontId="3"/>
  </si>
  <si>
    <t>布目分庁舎前</t>
    <rPh sb="0" eb="2">
      <t>ヌノメ</t>
    </rPh>
    <rPh sb="2" eb="3">
      <t>ブン</t>
    </rPh>
    <rPh sb="3" eb="5">
      <t>チョウシャ</t>
    </rPh>
    <rPh sb="5" eb="6">
      <t>マエ</t>
    </rPh>
    <phoneticPr fontId="3"/>
  </si>
  <si>
    <t>本町３丁目</t>
    <rPh sb="0" eb="2">
      <t>ホンマチ</t>
    </rPh>
    <rPh sb="3" eb="5">
      <t>チョウメ</t>
    </rPh>
    <phoneticPr fontId="3"/>
  </si>
  <si>
    <t>高木農村公園前</t>
    <rPh sb="0" eb="2">
      <t>タカギ</t>
    </rPh>
    <rPh sb="2" eb="4">
      <t>ノウソン</t>
    </rPh>
    <rPh sb="4" eb="6">
      <t>コウエン</t>
    </rPh>
    <rPh sb="6" eb="7">
      <t>マエ</t>
    </rPh>
    <phoneticPr fontId="3"/>
  </si>
  <si>
    <t>高周波文化ホール
（新湊中央文化会館）</t>
    <rPh sb="0" eb="3">
      <t>コウシュウハ</t>
    </rPh>
    <rPh sb="3" eb="5">
      <t>ブンカ</t>
    </rPh>
    <rPh sb="10" eb="12">
      <t>シンミナト</t>
    </rPh>
    <rPh sb="12" eb="14">
      <t>チュウオウ</t>
    </rPh>
    <rPh sb="14" eb="16">
      <t>ブンカ</t>
    </rPh>
    <rPh sb="16" eb="18">
      <t>カイカン</t>
    </rPh>
    <phoneticPr fontId="3"/>
  </si>
  <si>
    <t>カモンパーク新湊</t>
    <rPh sb="6" eb="8">
      <t>シンミナト</t>
    </rPh>
    <phoneticPr fontId="3"/>
  </si>
  <si>
    <t>新湊交流会館前</t>
    <rPh sb="0" eb="2">
      <t>シンミナト</t>
    </rPh>
    <rPh sb="2" eb="4">
      <t>コウリュウ</t>
    </rPh>
    <rPh sb="4" eb="6">
      <t>カイカン</t>
    </rPh>
    <rPh sb="6" eb="7">
      <t>マエ</t>
    </rPh>
    <phoneticPr fontId="3"/>
  </si>
  <si>
    <t>鏡宮北</t>
    <rPh sb="0" eb="1">
      <t>カガミ</t>
    </rPh>
    <rPh sb="1" eb="2">
      <t>ミヤ</t>
    </rPh>
    <rPh sb="2" eb="3">
      <t>キタ</t>
    </rPh>
    <phoneticPr fontId="3"/>
  </si>
  <si>
    <t>第一イン新湊前</t>
    <rPh sb="0" eb="2">
      <t>ダイイチ</t>
    </rPh>
    <rPh sb="4" eb="6">
      <t>シンミナト</t>
    </rPh>
    <rPh sb="6" eb="7">
      <t>マエ</t>
    </rPh>
    <phoneticPr fontId="3"/>
  </si>
  <si>
    <t>市民病院　着</t>
    <rPh sb="0" eb="2">
      <t>シミン</t>
    </rPh>
    <rPh sb="2" eb="4">
      <t>ビョウイン</t>
    </rPh>
    <rPh sb="5" eb="6">
      <t>チャク</t>
    </rPh>
    <phoneticPr fontId="3"/>
  </si>
  <si>
    <t>-</t>
  </si>
  <si>
    <t>新湊幹部交番前</t>
    <rPh sb="0" eb="2">
      <t>シンミナト</t>
    </rPh>
    <rPh sb="2" eb="4">
      <t>カンブ</t>
    </rPh>
    <rPh sb="4" eb="6">
      <t>コウバン</t>
    </rPh>
    <rPh sb="6" eb="7">
      <t>マエ</t>
    </rPh>
    <phoneticPr fontId="3"/>
  </si>
  <si>
    <r>
      <t xml:space="preserve">            </t>
    </r>
    <r>
      <rPr>
        <sz val="11"/>
        <rFont val="ＭＳ Ｐゴシック"/>
        <family val="3"/>
        <charset val="128"/>
      </rPr>
      <t>　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ゴシック"/>
        <family val="3"/>
        <charset val="128"/>
      </rPr>
      <t>発</t>
    </r>
    <rPh sb="14" eb="15">
      <t>ハツ</t>
    </rPh>
    <phoneticPr fontId="3"/>
  </si>
  <si>
    <t>姫野西口</t>
    <rPh sb="0" eb="2">
      <t>ヒメノ</t>
    </rPh>
    <rPh sb="2" eb="4">
      <t>ニシグチ</t>
    </rPh>
    <phoneticPr fontId="3"/>
  </si>
  <si>
    <t>朴木口</t>
    <rPh sb="0" eb="2">
      <t>ホオノキ</t>
    </rPh>
    <rPh sb="2" eb="3">
      <t>グチ</t>
    </rPh>
    <phoneticPr fontId="3"/>
  </si>
  <si>
    <t>気比住吉神社前</t>
    <rPh sb="0" eb="2">
      <t>ケヒ</t>
    </rPh>
    <rPh sb="2" eb="4">
      <t>スミヨシ</t>
    </rPh>
    <rPh sb="4" eb="6">
      <t>ジンジャ</t>
    </rPh>
    <rPh sb="6" eb="7">
      <t>マエ</t>
    </rPh>
    <phoneticPr fontId="3"/>
  </si>
  <si>
    <t>越中大門駅・大門高校行き</t>
    <rPh sb="0" eb="1">
      <t>エツ</t>
    </rPh>
    <rPh sb="1" eb="2">
      <t>チュウ</t>
    </rPh>
    <rPh sb="2" eb="4">
      <t>ダイモン</t>
    </rPh>
    <rPh sb="4" eb="5">
      <t>エキ</t>
    </rPh>
    <rPh sb="6" eb="8">
      <t>ダイモン</t>
    </rPh>
    <rPh sb="8" eb="10">
      <t>コウコウ</t>
    </rPh>
    <rPh sb="10" eb="11">
      <t>イ</t>
    </rPh>
    <phoneticPr fontId="3"/>
  </si>
  <si>
    <t>第８便</t>
    <rPh sb="0" eb="1">
      <t>ダイ</t>
    </rPh>
    <rPh sb="2" eb="3">
      <t>ビン</t>
    </rPh>
    <phoneticPr fontId="3"/>
  </si>
  <si>
    <t>新湊地区センター行き・第一イン新湊行き</t>
    <rPh sb="0" eb="2">
      <t>シンミナト</t>
    </rPh>
    <rPh sb="2" eb="4">
      <t>チク</t>
    </rPh>
    <rPh sb="8" eb="9">
      <t>イ</t>
    </rPh>
    <rPh sb="11" eb="13">
      <t>ダイイチ</t>
    </rPh>
    <rPh sb="15" eb="17">
      <t>シンミナト</t>
    </rPh>
    <rPh sb="17" eb="18">
      <t>イ</t>
    </rPh>
    <phoneticPr fontId="3"/>
  </si>
  <si>
    <t>大門高校</t>
    <rPh sb="0" eb="2">
      <t>ダイモン</t>
    </rPh>
    <rPh sb="2" eb="4">
      <t>コウコウ</t>
    </rPh>
    <phoneticPr fontId="3"/>
  </si>
  <si>
    <t>高周波文化ホール（新湊中央文化会館）</t>
    <phoneticPr fontId="3"/>
  </si>
  <si>
    <t>新湊地区センタ―前</t>
    <rPh sb="0" eb="2">
      <t>シンミナト</t>
    </rPh>
    <rPh sb="2" eb="4">
      <t>チク</t>
    </rPh>
    <rPh sb="8" eb="9">
      <t>マエ</t>
    </rPh>
    <phoneticPr fontId="3"/>
  </si>
  <si>
    <t>新湊高校前</t>
    <rPh sb="0" eb="2">
      <t>シンミナト</t>
    </rPh>
    <rPh sb="2" eb="4">
      <t>コウコウ</t>
    </rPh>
    <rPh sb="4" eb="5">
      <t>マエ</t>
    </rPh>
    <phoneticPr fontId="3"/>
  </si>
  <si>
    <t>善光寺西口</t>
    <rPh sb="0" eb="3">
      <t>ゼンコウジ</t>
    </rPh>
    <rPh sb="3" eb="5">
      <t>ニシグチ</t>
    </rPh>
    <phoneticPr fontId="3"/>
  </si>
  <si>
    <t>中野南</t>
    <rPh sb="0" eb="2">
      <t>ナカノ</t>
    </rPh>
    <rPh sb="2" eb="3">
      <t>ミナミ</t>
    </rPh>
    <phoneticPr fontId="3"/>
  </si>
  <si>
    <t>牧野北口</t>
    <rPh sb="0" eb="2">
      <t>マキノ</t>
    </rPh>
    <rPh sb="2" eb="4">
      <t>キタグチ</t>
    </rPh>
    <phoneticPr fontId="3"/>
  </si>
  <si>
    <t>大島北野</t>
    <rPh sb="0" eb="2">
      <t>オオジマ</t>
    </rPh>
    <rPh sb="2" eb="4">
      <t>キタノ</t>
    </rPh>
    <phoneticPr fontId="3"/>
  </si>
  <si>
    <t>牧野</t>
    <rPh sb="0" eb="2">
      <t>マキノ</t>
    </rPh>
    <phoneticPr fontId="3"/>
  </si>
  <si>
    <t>寺塚原西口</t>
    <rPh sb="0" eb="1">
      <t>テラ</t>
    </rPh>
    <rPh sb="1" eb="3">
      <t>ツカハラ</t>
    </rPh>
    <rPh sb="3" eb="5">
      <t>ニシグチ</t>
    </rPh>
    <phoneticPr fontId="3"/>
  </si>
  <si>
    <t>松木北口</t>
    <rPh sb="0" eb="2">
      <t>マツキ</t>
    </rPh>
    <rPh sb="2" eb="4">
      <t>キタグチ</t>
    </rPh>
    <phoneticPr fontId="3"/>
  </si>
  <si>
    <t>坂東</t>
    <rPh sb="0" eb="2">
      <t>バンドウ</t>
    </rPh>
    <phoneticPr fontId="3"/>
  </si>
  <si>
    <t>松木</t>
    <rPh sb="0" eb="2">
      <t>マツキ</t>
    </rPh>
    <phoneticPr fontId="3"/>
  </si>
  <si>
    <t>タカギセイコー</t>
    <phoneticPr fontId="3"/>
  </si>
  <si>
    <t>松木</t>
    <rPh sb="0" eb="1">
      <t>マツ</t>
    </rPh>
    <rPh sb="1" eb="2">
      <t>キ</t>
    </rPh>
    <phoneticPr fontId="3"/>
  </si>
  <si>
    <t>松木北口</t>
    <rPh sb="0" eb="1">
      <t>マツ</t>
    </rPh>
    <rPh sb="1" eb="2">
      <t>キ</t>
    </rPh>
    <rPh sb="2" eb="4">
      <t>キタグチ</t>
    </rPh>
    <phoneticPr fontId="3"/>
  </si>
  <si>
    <t>大島北野</t>
    <rPh sb="0" eb="2">
      <t>オオシマ</t>
    </rPh>
    <rPh sb="2" eb="4">
      <t>キタノ</t>
    </rPh>
    <phoneticPr fontId="3"/>
  </si>
  <si>
    <t>小　杉　方　面　行　き</t>
    <rPh sb="0" eb="1">
      <t>ショウ</t>
    </rPh>
    <rPh sb="2" eb="3">
      <t>スギ</t>
    </rPh>
    <rPh sb="4" eb="5">
      <t>カタ</t>
    </rPh>
    <rPh sb="6" eb="7">
      <t>メン</t>
    </rPh>
    <rPh sb="8" eb="9">
      <t>イ</t>
    </rPh>
    <phoneticPr fontId="3"/>
  </si>
  <si>
    <r>
      <t>第</t>
    </r>
    <r>
      <rPr>
        <sz val="12"/>
        <rFont val="ＭＳ Ｐゴシック"/>
        <family val="3"/>
        <charset val="128"/>
      </rPr>
      <t>12</t>
    </r>
    <r>
      <rPr>
        <sz val="14"/>
        <rFont val="ＭＳ Ｐゴシック"/>
        <family val="3"/>
        <charset val="128"/>
      </rPr>
      <t>便</t>
    </r>
    <rPh sb="0" eb="1">
      <t>ダイ</t>
    </rPh>
    <rPh sb="3" eb="4">
      <t>ビン</t>
    </rPh>
    <phoneticPr fontId="3"/>
  </si>
  <si>
    <r>
      <t>第</t>
    </r>
    <r>
      <rPr>
        <sz val="12"/>
        <rFont val="ＭＳ Ｐゴシック"/>
        <family val="3"/>
        <charset val="128"/>
      </rPr>
      <t>13</t>
    </r>
    <r>
      <rPr>
        <sz val="14"/>
        <rFont val="ＭＳ Ｐゴシック"/>
        <family val="3"/>
        <charset val="128"/>
      </rPr>
      <t>便</t>
    </r>
    <rPh sb="0" eb="1">
      <t>ダイ</t>
    </rPh>
    <rPh sb="3" eb="4">
      <t>ビン</t>
    </rPh>
    <phoneticPr fontId="3"/>
  </si>
  <si>
    <t>古新町公民館前</t>
    <rPh sb="0" eb="1">
      <t>フル</t>
    </rPh>
    <rPh sb="1" eb="3">
      <t>シンマチ</t>
    </rPh>
    <rPh sb="3" eb="6">
      <t>コウミンカン</t>
    </rPh>
    <rPh sb="6" eb="7">
      <t>マエ</t>
    </rPh>
    <phoneticPr fontId="3"/>
  </si>
  <si>
    <t>鷲塚東</t>
    <rPh sb="0" eb="2">
      <t>ワシヅカ</t>
    </rPh>
    <rPh sb="2" eb="3">
      <t>ヒガシ</t>
    </rPh>
    <phoneticPr fontId="3"/>
  </si>
  <si>
    <t>北長徳寺公民館前</t>
    <rPh sb="0" eb="1">
      <t>キタ</t>
    </rPh>
    <rPh sb="1" eb="3">
      <t>チョウトク</t>
    </rPh>
    <rPh sb="3" eb="4">
      <t>ジ</t>
    </rPh>
    <rPh sb="4" eb="7">
      <t>コウミンカン</t>
    </rPh>
    <rPh sb="7" eb="8">
      <t>マエ</t>
    </rPh>
    <phoneticPr fontId="3"/>
  </si>
  <si>
    <t>針原北</t>
    <rPh sb="0" eb="2">
      <t>ハリハラ</t>
    </rPh>
    <rPh sb="2" eb="3">
      <t>キタ</t>
    </rPh>
    <phoneticPr fontId="3"/>
  </si>
  <si>
    <t>白山宮前</t>
    <rPh sb="0" eb="2">
      <t>ハクサン</t>
    </rPh>
    <rPh sb="2" eb="3">
      <t>グウ</t>
    </rPh>
    <rPh sb="3" eb="4">
      <t>マエ</t>
    </rPh>
    <phoneticPr fontId="3"/>
  </si>
  <si>
    <t>針原南</t>
    <rPh sb="0" eb="2">
      <t>ハリハラ</t>
    </rPh>
    <rPh sb="2" eb="3">
      <t>ミナミ</t>
    </rPh>
    <phoneticPr fontId="3"/>
  </si>
  <si>
    <t>庄川本町西口</t>
    <rPh sb="0" eb="2">
      <t>ショウガワ</t>
    </rPh>
    <rPh sb="2" eb="4">
      <t>ホンマチ</t>
    </rPh>
    <rPh sb="4" eb="6">
      <t>ニシグチ</t>
    </rPh>
    <phoneticPr fontId="3"/>
  </si>
  <si>
    <t>手崎東口</t>
    <rPh sb="0" eb="1">
      <t>テ</t>
    </rPh>
    <rPh sb="1" eb="2">
      <t>サキ</t>
    </rPh>
    <rPh sb="2" eb="4">
      <t>ヒガシグチ</t>
    </rPh>
    <phoneticPr fontId="3"/>
  </si>
  <si>
    <t>新湊コミュニティセンター前</t>
    <rPh sb="0" eb="2">
      <t>シンミナト</t>
    </rPh>
    <rPh sb="12" eb="13">
      <t>マエ</t>
    </rPh>
    <phoneticPr fontId="3"/>
  </si>
  <si>
    <t>手崎</t>
    <rPh sb="0" eb="1">
      <t>テ</t>
    </rPh>
    <rPh sb="1" eb="2">
      <t>サキ</t>
    </rPh>
    <phoneticPr fontId="3"/>
  </si>
  <si>
    <t>昭和通り</t>
    <rPh sb="0" eb="2">
      <t>ショウワ</t>
    </rPh>
    <rPh sb="2" eb="3">
      <t>ドオ</t>
    </rPh>
    <phoneticPr fontId="3"/>
  </si>
  <si>
    <t>小杉東口</t>
    <rPh sb="0" eb="2">
      <t>コスギ</t>
    </rPh>
    <rPh sb="2" eb="4">
      <t>ヒガシグチ</t>
    </rPh>
    <phoneticPr fontId="3"/>
  </si>
  <si>
    <t>富山銀行前</t>
    <rPh sb="0" eb="2">
      <t>トヤマ</t>
    </rPh>
    <rPh sb="2" eb="4">
      <t>ギンコウ</t>
    </rPh>
    <rPh sb="4" eb="5">
      <t>マエ</t>
    </rPh>
    <phoneticPr fontId="3"/>
  </si>
  <si>
    <t>戸破</t>
    <rPh sb="0" eb="1">
      <t>ト</t>
    </rPh>
    <rPh sb="1" eb="2">
      <t>ヤブ</t>
    </rPh>
    <phoneticPr fontId="3"/>
  </si>
  <si>
    <t>かぐら橋口</t>
    <rPh sb="3" eb="5">
      <t>ハシグチ</t>
    </rPh>
    <phoneticPr fontId="3"/>
  </si>
  <si>
    <t>小杉駅前</t>
    <rPh sb="0" eb="3">
      <t>コスギエキ</t>
    </rPh>
    <rPh sb="3" eb="4">
      <t>マエ</t>
    </rPh>
    <phoneticPr fontId="3"/>
  </si>
  <si>
    <t>あゆの風センター</t>
    <rPh sb="3" eb="4">
      <t>カゼ</t>
    </rPh>
    <phoneticPr fontId="3"/>
  </si>
  <si>
    <t>小杉駅南口</t>
    <rPh sb="0" eb="3">
      <t>コスギエキ</t>
    </rPh>
    <rPh sb="3" eb="5">
      <t>ミナミグチ</t>
    </rPh>
    <phoneticPr fontId="3"/>
  </si>
  <si>
    <t>新湊信用金庫前</t>
    <rPh sb="0" eb="2">
      <t>シンミナト</t>
    </rPh>
    <rPh sb="2" eb="4">
      <t>シンヨウ</t>
    </rPh>
    <rPh sb="4" eb="6">
      <t>キンコ</t>
    </rPh>
    <rPh sb="6" eb="7">
      <t>マエ</t>
    </rPh>
    <phoneticPr fontId="3"/>
  </si>
  <si>
    <t>一番町</t>
    <rPh sb="0" eb="2">
      <t>イチバン</t>
    </rPh>
    <rPh sb="2" eb="3">
      <t>マチ</t>
    </rPh>
    <phoneticPr fontId="3"/>
  </si>
  <si>
    <t>中新湊駅前</t>
    <rPh sb="0" eb="3">
      <t>ナカシンミナト</t>
    </rPh>
    <rPh sb="3" eb="5">
      <t>エキマエ</t>
    </rPh>
    <phoneticPr fontId="3"/>
  </si>
  <si>
    <t>小杉高校北</t>
    <rPh sb="0" eb="2">
      <t>コスギ</t>
    </rPh>
    <rPh sb="2" eb="4">
      <t>コウコウ</t>
    </rPh>
    <rPh sb="4" eb="5">
      <t>キタ</t>
    </rPh>
    <phoneticPr fontId="3"/>
  </si>
  <si>
    <t>姫野口</t>
    <rPh sb="0" eb="2">
      <t>ヒメノ</t>
    </rPh>
    <rPh sb="2" eb="3">
      <t>グチ</t>
    </rPh>
    <phoneticPr fontId="3"/>
  </si>
  <si>
    <t>イータウン</t>
    <phoneticPr fontId="3"/>
  </si>
  <si>
    <t>金屋古志野神社前</t>
    <rPh sb="0" eb="2">
      <t>カナヤ</t>
    </rPh>
    <rPh sb="2" eb="3">
      <t>コ</t>
    </rPh>
    <rPh sb="3" eb="4">
      <t>ココロザシ</t>
    </rPh>
    <rPh sb="4" eb="5">
      <t>ノ</t>
    </rPh>
    <rPh sb="5" eb="7">
      <t>ジンジャ</t>
    </rPh>
    <rPh sb="7" eb="8">
      <t>マエ</t>
    </rPh>
    <phoneticPr fontId="3"/>
  </si>
  <si>
    <t>今開発</t>
    <rPh sb="0" eb="1">
      <t>イマ</t>
    </rPh>
    <rPh sb="1" eb="3">
      <t>カイハツ</t>
    </rPh>
    <phoneticPr fontId="3"/>
  </si>
  <si>
    <t>新港の森</t>
    <rPh sb="0" eb="2">
      <t>シンコウ</t>
    </rPh>
    <rPh sb="3" eb="4">
      <t>モリ</t>
    </rPh>
    <phoneticPr fontId="3"/>
  </si>
  <si>
    <t>今開発北</t>
    <rPh sb="0" eb="1">
      <t>イマ</t>
    </rPh>
    <rPh sb="1" eb="3">
      <t>カイハツ</t>
    </rPh>
    <rPh sb="3" eb="4">
      <t>キタ</t>
    </rPh>
    <phoneticPr fontId="3"/>
  </si>
  <si>
    <t>新湊アイシン軽金属スポーツセンター前
（新湊総合体育館前）</t>
    <rPh sb="0" eb="2">
      <t>シンミナト</t>
    </rPh>
    <rPh sb="6" eb="9">
      <t>ケイキンゾク</t>
    </rPh>
    <rPh sb="17" eb="18">
      <t>マエ</t>
    </rPh>
    <rPh sb="20" eb="22">
      <t>シンミナト</t>
    </rPh>
    <rPh sb="22" eb="24">
      <t>ソウゴウ</t>
    </rPh>
    <rPh sb="24" eb="27">
      <t>タイイクカン</t>
    </rPh>
    <rPh sb="27" eb="28">
      <t>マエ</t>
    </rPh>
    <phoneticPr fontId="3"/>
  </si>
  <si>
    <t>今井南口</t>
    <rPh sb="0" eb="2">
      <t>イマイ</t>
    </rPh>
    <rPh sb="2" eb="4">
      <t>ミナミグチ</t>
    </rPh>
    <phoneticPr fontId="3"/>
  </si>
  <si>
    <t>新生町</t>
    <rPh sb="0" eb="3">
      <t>シンセイチョウ</t>
    </rPh>
    <phoneticPr fontId="3"/>
  </si>
  <si>
    <t>今井公民館前</t>
    <rPh sb="0" eb="2">
      <t>イマイ</t>
    </rPh>
    <rPh sb="2" eb="5">
      <t>コウミンカン</t>
    </rPh>
    <rPh sb="5" eb="6">
      <t>マエ</t>
    </rPh>
    <phoneticPr fontId="3"/>
  </si>
  <si>
    <t>殿村公民館前</t>
    <rPh sb="0" eb="2">
      <t>トノムラ</t>
    </rPh>
    <rPh sb="2" eb="5">
      <t>コウミンカン</t>
    </rPh>
    <rPh sb="5" eb="6">
      <t>マエ</t>
    </rPh>
    <phoneticPr fontId="3"/>
  </si>
  <si>
    <t>殿村口</t>
    <rPh sb="0" eb="2">
      <t>トノムラ</t>
    </rPh>
    <rPh sb="2" eb="3">
      <t>グチ</t>
    </rPh>
    <phoneticPr fontId="3"/>
  </si>
  <si>
    <t>鏡宮公民館前</t>
    <rPh sb="0" eb="1">
      <t>カガミ</t>
    </rPh>
    <rPh sb="1" eb="2">
      <t>ミヤ</t>
    </rPh>
    <rPh sb="2" eb="5">
      <t>コウミンカン</t>
    </rPh>
    <rPh sb="5" eb="6">
      <t>マエ</t>
    </rPh>
    <phoneticPr fontId="3"/>
  </si>
  <si>
    <t>イータウン</t>
  </si>
  <si>
    <t>鷲塚口</t>
    <rPh sb="0" eb="2">
      <t>ワシヅカ</t>
    </rPh>
    <rPh sb="2" eb="3">
      <t>クチ</t>
    </rPh>
    <phoneticPr fontId="3"/>
  </si>
  <si>
    <t>小　杉　駅　行　き</t>
    <rPh sb="0" eb="1">
      <t>ショウ</t>
    </rPh>
    <rPh sb="2" eb="3">
      <t>スギ</t>
    </rPh>
    <rPh sb="4" eb="5">
      <t>エキ</t>
    </rPh>
    <rPh sb="6" eb="7">
      <t>イ</t>
    </rPh>
    <phoneticPr fontId="3"/>
  </si>
  <si>
    <t>堀岡・片口方面行き</t>
    <rPh sb="0" eb="2">
      <t>ホリオカ</t>
    </rPh>
    <rPh sb="3" eb="5">
      <t>カタグチ</t>
    </rPh>
    <rPh sb="5" eb="7">
      <t>ホウメン</t>
    </rPh>
    <rPh sb="7" eb="8">
      <t>イ</t>
    </rPh>
    <phoneticPr fontId="3"/>
  </si>
  <si>
    <t>新湊大橋西桟橋口</t>
    <rPh sb="0" eb="2">
      <t>シンミナト</t>
    </rPh>
    <rPh sb="2" eb="4">
      <t>オオハシ</t>
    </rPh>
    <rPh sb="4" eb="5">
      <t>ニシ</t>
    </rPh>
    <rPh sb="5" eb="7">
      <t>サンバシ</t>
    </rPh>
    <rPh sb="7" eb="8">
      <t>グチ</t>
    </rPh>
    <phoneticPr fontId="3"/>
  </si>
  <si>
    <t>-</t>
    <phoneticPr fontId="3"/>
  </si>
  <si>
    <t>小杉駅南口</t>
    <rPh sb="3" eb="5">
      <t>ミナミグチ</t>
    </rPh>
    <phoneticPr fontId="3"/>
  </si>
  <si>
    <t>海王丸パーク</t>
    <rPh sb="0" eb="1">
      <t>ウミ</t>
    </rPh>
    <rPh sb="1" eb="2">
      <t>オウ</t>
    </rPh>
    <rPh sb="2" eb="3">
      <t>マル</t>
    </rPh>
    <phoneticPr fontId="3"/>
  </si>
  <si>
    <t>小杉駅前</t>
    <phoneticPr fontId="3"/>
  </si>
  <si>
    <t>富山情報ビジネス専門学校前</t>
  </si>
  <si>
    <t>海竜町</t>
    <rPh sb="0" eb="1">
      <t>ウミ</t>
    </rPh>
    <rPh sb="1" eb="2">
      <t>リュウ</t>
    </rPh>
    <rPh sb="2" eb="3">
      <t>マチ</t>
    </rPh>
    <phoneticPr fontId="3"/>
  </si>
  <si>
    <t>高寺北</t>
  </si>
  <si>
    <t>新港東口</t>
  </si>
  <si>
    <t>愛宕</t>
    <rPh sb="0" eb="2">
      <t>アタゴ</t>
    </rPh>
    <phoneticPr fontId="3"/>
  </si>
  <si>
    <t>稲積</t>
  </si>
  <si>
    <t>草岡町前</t>
  </si>
  <si>
    <t>稲積口</t>
    <rPh sb="2" eb="3">
      <t>クチ</t>
    </rPh>
    <phoneticPr fontId="3"/>
  </si>
  <si>
    <t>射北中学校前</t>
  </si>
  <si>
    <t>高場南</t>
    <rPh sb="0" eb="2">
      <t>タカバ</t>
    </rPh>
    <rPh sb="2" eb="3">
      <t>ミナミ</t>
    </rPh>
    <phoneticPr fontId="3"/>
  </si>
  <si>
    <t>海老江中町</t>
    <rPh sb="3" eb="4">
      <t>ナカ</t>
    </rPh>
    <rPh sb="4" eb="5">
      <t>マチ</t>
    </rPh>
    <phoneticPr fontId="3"/>
  </si>
  <si>
    <t>久々江口</t>
    <rPh sb="0" eb="3">
      <t>ククエ</t>
    </rPh>
    <rPh sb="3" eb="4">
      <t>クチ</t>
    </rPh>
    <phoneticPr fontId="3"/>
  </si>
  <si>
    <t>七美中野</t>
  </si>
  <si>
    <t>高場口</t>
  </si>
  <si>
    <t>二十六町口</t>
    <rPh sb="0" eb="2">
      <t>ニジュウ</t>
    </rPh>
    <rPh sb="2" eb="3">
      <t>ロク</t>
    </rPh>
    <rPh sb="3" eb="4">
      <t>マチ</t>
    </rPh>
    <rPh sb="4" eb="5">
      <t>クチ</t>
    </rPh>
    <phoneticPr fontId="3"/>
  </si>
  <si>
    <t>片口小学校前</t>
  </si>
  <si>
    <t>ＪＡいみず野片口支店前</t>
    <rPh sb="5" eb="6">
      <t>ノ</t>
    </rPh>
    <rPh sb="6" eb="8">
      <t>カタグチ</t>
    </rPh>
    <rPh sb="8" eb="10">
      <t>シテン</t>
    </rPh>
    <rPh sb="10" eb="11">
      <t>マエ</t>
    </rPh>
    <phoneticPr fontId="3"/>
  </si>
  <si>
    <t>海老江中町</t>
    <phoneticPr fontId="3"/>
  </si>
  <si>
    <t>稲積</t>
    <phoneticPr fontId="3"/>
  </si>
  <si>
    <t>-</t>
    <phoneticPr fontId="3"/>
  </si>
  <si>
    <t>小杉駅前</t>
    <phoneticPr fontId="3"/>
  </si>
  <si>
    <t>⑪小杉駅・水戸田経由大門線</t>
    <rPh sb="1" eb="4">
      <t>コスギエキ</t>
    </rPh>
    <rPh sb="5" eb="7">
      <t>ミト</t>
    </rPh>
    <rPh sb="7" eb="8">
      <t>タ</t>
    </rPh>
    <rPh sb="8" eb="10">
      <t>ケイユ</t>
    </rPh>
    <rPh sb="10" eb="12">
      <t>ダイモン</t>
    </rPh>
    <rPh sb="12" eb="13">
      <t>セン</t>
    </rPh>
    <phoneticPr fontId="3"/>
  </si>
  <si>
    <t>大門中学校行き</t>
    <rPh sb="0" eb="2">
      <t>ダイモン</t>
    </rPh>
    <rPh sb="2" eb="5">
      <t>チュウガッコウ</t>
    </rPh>
    <rPh sb="5" eb="6">
      <t>イ</t>
    </rPh>
    <phoneticPr fontId="3"/>
  </si>
  <si>
    <t>小杉駅南口行き</t>
    <rPh sb="0" eb="3">
      <t>コスギエキ</t>
    </rPh>
    <rPh sb="3" eb="5">
      <t>ミナミグチ</t>
    </rPh>
    <rPh sb="5" eb="6">
      <t>イ</t>
    </rPh>
    <phoneticPr fontId="3"/>
  </si>
  <si>
    <t>大門中学校</t>
    <rPh sb="0" eb="2">
      <t>ダイモン</t>
    </rPh>
    <rPh sb="2" eb="3">
      <t>チュウ</t>
    </rPh>
    <rPh sb="3" eb="5">
      <t>ガッコウ</t>
    </rPh>
    <phoneticPr fontId="3"/>
  </si>
  <si>
    <t>小杉中学校口</t>
    <rPh sb="0" eb="2">
      <t>コスギ</t>
    </rPh>
    <rPh sb="2" eb="5">
      <t>チュウガッコウ</t>
    </rPh>
    <rPh sb="5" eb="6">
      <t>クチ</t>
    </rPh>
    <phoneticPr fontId="3"/>
  </si>
  <si>
    <t>大門高校西</t>
    <rPh sb="0" eb="2">
      <t>ダイモン</t>
    </rPh>
    <rPh sb="2" eb="4">
      <t>コウコウ</t>
    </rPh>
    <rPh sb="4" eb="5">
      <t>ニシ</t>
    </rPh>
    <phoneticPr fontId="3"/>
  </si>
  <si>
    <t>いみずのショッピングタウン前</t>
    <rPh sb="13" eb="14">
      <t>マエ</t>
    </rPh>
    <phoneticPr fontId="3"/>
  </si>
  <si>
    <t>中村</t>
    <rPh sb="0" eb="2">
      <t>ナカムラ</t>
    </rPh>
    <phoneticPr fontId="3"/>
  </si>
  <si>
    <t>一条</t>
    <rPh sb="0" eb="2">
      <t>イチジョウ</t>
    </rPh>
    <phoneticPr fontId="3"/>
  </si>
  <si>
    <t>大門小学校西</t>
    <rPh sb="0" eb="2">
      <t>ダイモン</t>
    </rPh>
    <rPh sb="2" eb="5">
      <t>ショウガッコウ</t>
    </rPh>
    <rPh sb="5" eb="6">
      <t>ニシ</t>
    </rPh>
    <phoneticPr fontId="3"/>
  </si>
  <si>
    <t>赤田</t>
    <rPh sb="0" eb="2">
      <t>アカダ</t>
    </rPh>
    <phoneticPr fontId="3"/>
  </si>
  <si>
    <t>下条新</t>
    <rPh sb="0" eb="1">
      <t>ゲ</t>
    </rPh>
    <rPh sb="1" eb="2">
      <t>ジョウ</t>
    </rPh>
    <rPh sb="2" eb="3">
      <t>シン</t>
    </rPh>
    <phoneticPr fontId="3"/>
  </si>
  <si>
    <t>あおば台</t>
    <rPh sb="3" eb="4">
      <t>ダイ</t>
    </rPh>
    <phoneticPr fontId="3"/>
  </si>
  <si>
    <t>真生会富山病院前</t>
    <rPh sb="0" eb="1">
      <t>シン</t>
    </rPh>
    <rPh sb="1" eb="2">
      <t>セイ</t>
    </rPh>
    <rPh sb="2" eb="3">
      <t>カイ</t>
    </rPh>
    <rPh sb="3" eb="5">
      <t>トヤマ</t>
    </rPh>
    <rPh sb="5" eb="7">
      <t>ビョウイン</t>
    </rPh>
    <rPh sb="7" eb="8">
      <t>マエ</t>
    </rPh>
    <phoneticPr fontId="3"/>
  </si>
  <si>
    <t>大門本江</t>
    <rPh sb="0" eb="2">
      <t>ダイモン</t>
    </rPh>
    <rPh sb="2" eb="4">
      <t>ホンゴウ</t>
    </rPh>
    <phoneticPr fontId="3"/>
  </si>
  <si>
    <t>開口西</t>
    <rPh sb="0" eb="1">
      <t>カイ</t>
    </rPh>
    <rPh sb="1" eb="2">
      <t>グチ</t>
    </rPh>
    <rPh sb="2" eb="3">
      <t>ニシ</t>
    </rPh>
    <phoneticPr fontId="3"/>
  </si>
  <si>
    <t>藤巻公民館前</t>
    <rPh sb="0" eb="2">
      <t>フジマキ</t>
    </rPh>
    <rPh sb="2" eb="5">
      <t>コウミンカン</t>
    </rPh>
    <rPh sb="5" eb="6">
      <t>マエ</t>
    </rPh>
    <phoneticPr fontId="3"/>
  </si>
  <si>
    <t>グリーンヒルズ若草病院前</t>
    <rPh sb="7" eb="9">
      <t>ワカクサ</t>
    </rPh>
    <rPh sb="9" eb="11">
      <t>ビョウイン</t>
    </rPh>
    <rPh sb="11" eb="12">
      <t>マエ</t>
    </rPh>
    <phoneticPr fontId="3"/>
  </si>
  <si>
    <t>太閤山小学校前</t>
    <rPh sb="0" eb="2">
      <t>タイコウ</t>
    </rPh>
    <rPh sb="2" eb="3">
      <t>ヤマ</t>
    </rPh>
    <rPh sb="3" eb="6">
      <t>ショウガッコウ</t>
    </rPh>
    <rPh sb="6" eb="7">
      <t>マエ</t>
    </rPh>
    <phoneticPr fontId="3"/>
  </si>
  <si>
    <t>大門企業団地</t>
    <rPh sb="0" eb="2">
      <t>ダイモン</t>
    </rPh>
    <rPh sb="2" eb="4">
      <t>キギョウ</t>
    </rPh>
    <rPh sb="4" eb="6">
      <t>ダンチ</t>
    </rPh>
    <phoneticPr fontId="3"/>
  </si>
  <si>
    <t>ニノ井公民館前</t>
    <rPh sb="2" eb="3">
      <t>イ</t>
    </rPh>
    <rPh sb="3" eb="6">
      <t>コウミンカン</t>
    </rPh>
    <rPh sb="6" eb="7">
      <t>マエ</t>
    </rPh>
    <phoneticPr fontId="3"/>
  </si>
  <si>
    <t>大門コミュニティセントー</t>
    <rPh sb="0" eb="2">
      <t>ダイモン</t>
    </rPh>
    <phoneticPr fontId="3"/>
  </si>
  <si>
    <t>市井</t>
    <rPh sb="0" eb="1">
      <t>シ</t>
    </rPh>
    <rPh sb="1" eb="2">
      <t>イ</t>
    </rPh>
    <phoneticPr fontId="3"/>
  </si>
  <si>
    <t>橋下条</t>
    <rPh sb="0" eb="1">
      <t>ハシ</t>
    </rPh>
    <rPh sb="1" eb="2">
      <t>ゲ</t>
    </rPh>
    <rPh sb="2" eb="3">
      <t>ジョウ</t>
    </rPh>
    <phoneticPr fontId="3"/>
  </si>
  <si>
    <t>若林</t>
    <rPh sb="0" eb="2">
      <t>ワカバヤシ</t>
    </rPh>
    <phoneticPr fontId="3"/>
  </si>
  <si>
    <t>水戸田口</t>
    <rPh sb="0" eb="1">
      <t>ミズ</t>
    </rPh>
    <rPh sb="1" eb="2">
      <t>ト</t>
    </rPh>
    <rPh sb="2" eb="3">
      <t>タ</t>
    </rPh>
    <rPh sb="3" eb="4">
      <t>クチ</t>
    </rPh>
    <phoneticPr fontId="3"/>
  </si>
  <si>
    <t>水戸田</t>
    <rPh sb="0" eb="1">
      <t>ミズ</t>
    </rPh>
    <rPh sb="1" eb="2">
      <t>ト</t>
    </rPh>
    <rPh sb="2" eb="3">
      <t>タ</t>
    </rPh>
    <phoneticPr fontId="3"/>
  </si>
  <si>
    <t>匠の里口</t>
    <rPh sb="0" eb="1">
      <t>タクミ</t>
    </rPh>
    <rPh sb="2" eb="3">
      <t>サト</t>
    </rPh>
    <rPh sb="3" eb="4">
      <t>クチ</t>
    </rPh>
    <phoneticPr fontId="3"/>
  </si>
  <si>
    <t>⓪中央幹線　　（平日のみ運行）</t>
    <rPh sb="1" eb="3">
      <t>チュウオウ</t>
    </rPh>
    <rPh sb="3" eb="5">
      <t>カンセン</t>
    </rPh>
    <rPh sb="8" eb="10">
      <t>ヘイジツ</t>
    </rPh>
    <rPh sb="12" eb="14">
      <t>ウンコウ</t>
    </rPh>
    <phoneticPr fontId="3"/>
  </si>
  <si>
    <t>新湊地区センター方面行き</t>
    <rPh sb="0" eb="2">
      <t>シンミナト</t>
    </rPh>
    <rPh sb="2" eb="4">
      <t>チク</t>
    </rPh>
    <rPh sb="8" eb="10">
      <t>ホウメン</t>
    </rPh>
    <phoneticPr fontId="3"/>
  </si>
  <si>
    <t>バス停名</t>
    <rPh sb="2" eb="3">
      <t>テイ</t>
    </rPh>
    <rPh sb="3" eb="4">
      <t>ナ</t>
    </rPh>
    <phoneticPr fontId="3"/>
  </si>
  <si>
    <t>第１便</t>
    <rPh sb="0" eb="1">
      <t>ダイ</t>
    </rPh>
    <rPh sb="2" eb="3">
      <t>ビン</t>
    </rPh>
    <phoneticPr fontId="3"/>
  </si>
  <si>
    <t>第２便</t>
    <rPh sb="0" eb="1">
      <t>ダイ</t>
    </rPh>
    <rPh sb="2" eb="3">
      <t>ビン</t>
    </rPh>
    <phoneticPr fontId="3"/>
  </si>
  <si>
    <t>第３便</t>
    <rPh sb="0" eb="1">
      <t>ダイ</t>
    </rPh>
    <rPh sb="2" eb="3">
      <t>ビン</t>
    </rPh>
    <phoneticPr fontId="3"/>
  </si>
  <si>
    <t>第４便</t>
    <rPh sb="0" eb="1">
      <t>ダイ</t>
    </rPh>
    <rPh sb="2" eb="3">
      <t>ビン</t>
    </rPh>
    <phoneticPr fontId="3"/>
  </si>
  <si>
    <t>第５便</t>
    <rPh sb="0" eb="1">
      <t>ダイ</t>
    </rPh>
    <rPh sb="2" eb="3">
      <t>ビン</t>
    </rPh>
    <phoneticPr fontId="3"/>
  </si>
  <si>
    <t>第６便</t>
    <rPh sb="0" eb="1">
      <t>ダイ</t>
    </rPh>
    <rPh sb="2" eb="3">
      <t>ビン</t>
    </rPh>
    <phoneticPr fontId="3"/>
  </si>
  <si>
    <t>第７便</t>
    <rPh sb="0" eb="1">
      <t>ダイ</t>
    </rPh>
    <rPh sb="2" eb="3">
      <t>ビン</t>
    </rPh>
    <phoneticPr fontId="3"/>
  </si>
  <si>
    <t>第９便</t>
    <rPh sb="0" eb="1">
      <t>ダイ</t>
    </rPh>
    <rPh sb="2" eb="3">
      <t>ビン</t>
    </rPh>
    <phoneticPr fontId="3"/>
  </si>
  <si>
    <t>第１０便</t>
    <rPh sb="0" eb="1">
      <t>ダイ</t>
    </rPh>
    <rPh sb="3" eb="4">
      <t>ビン</t>
    </rPh>
    <phoneticPr fontId="3"/>
  </si>
  <si>
    <t>第１１便</t>
    <rPh sb="0" eb="1">
      <t>ダイ</t>
    </rPh>
    <rPh sb="3" eb="4">
      <t>ビン</t>
    </rPh>
    <phoneticPr fontId="3"/>
  </si>
  <si>
    <t>第１２便</t>
    <rPh sb="0" eb="1">
      <t>ダイ</t>
    </rPh>
    <rPh sb="3" eb="4">
      <t>ビン</t>
    </rPh>
    <phoneticPr fontId="3"/>
  </si>
  <si>
    <t>第１３便</t>
    <rPh sb="0" eb="1">
      <t>ダイ</t>
    </rPh>
    <rPh sb="3" eb="4">
      <t>ビン</t>
    </rPh>
    <phoneticPr fontId="3"/>
  </si>
  <si>
    <t>第１４便</t>
    <rPh sb="0" eb="1">
      <t>ダイ</t>
    </rPh>
    <rPh sb="3" eb="4">
      <t>ビン</t>
    </rPh>
    <phoneticPr fontId="3"/>
  </si>
  <si>
    <t>第１５便</t>
    <rPh sb="0" eb="1">
      <t>ダイ</t>
    </rPh>
    <rPh sb="3" eb="4">
      <t>ビン</t>
    </rPh>
    <phoneticPr fontId="3"/>
  </si>
  <si>
    <t>第１６便</t>
    <rPh sb="0" eb="1">
      <t>ダイ</t>
    </rPh>
    <rPh sb="3" eb="4">
      <t>ビン</t>
    </rPh>
    <phoneticPr fontId="3"/>
  </si>
  <si>
    <t>第１７便</t>
    <rPh sb="0" eb="1">
      <t>ダイ</t>
    </rPh>
    <rPh sb="3" eb="4">
      <t>ビン</t>
    </rPh>
    <phoneticPr fontId="3"/>
  </si>
  <si>
    <t>第１８便</t>
    <rPh sb="0" eb="1">
      <t>ダイ</t>
    </rPh>
    <rPh sb="3" eb="4">
      <t>ビン</t>
    </rPh>
    <phoneticPr fontId="3"/>
  </si>
  <si>
    <t>第１９便</t>
    <rPh sb="0" eb="1">
      <t>ダイ</t>
    </rPh>
    <rPh sb="3" eb="4">
      <t>ビン</t>
    </rPh>
    <phoneticPr fontId="3"/>
  </si>
  <si>
    <t>第２０便</t>
    <rPh sb="0" eb="1">
      <t>ダイ</t>
    </rPh>
    <rPh sb="3" eb="4">
      <t>ビン</t>
    </rPh>
    <phoneticPr fontId="3"/>
  </si>
  <si>
    <t>第２１便</t>
    <rPh sb="0" eb="1">
      <t>ダイ</t>
    </rPh>
    <rPh sb="3" eb="4">
      <t>ビン</t>
    </rPh>
    <phoneticPr fontId="3"/>
  </si>
  <si>
    <t>第２２便</t>
    <rPh sb="0" eb="1">
      <t>ダイ</t>
    </rPh>
    <rPh sb="3" eb="4">
      <t>ビン</t>
    </rPh>
    <phoneticPr fontId="3"/>
  </si>
  <si>
    <t>パスコ前</t>
    <rPh sb="3" eb="4">
      <t>マエ</t>
    </rPh>
    <phoneticPr fontId="3"/>
  </si>
  <si>
    <t>―</t>
    <phoneticPr fontId="3"/>
  </si>
  <si>
    <t>小杉駅南口</t>
    <rPh sb="0" eb="2">
      <t>コスギ</t>
    </rPh>
    <rPh sb="2" eb="3">
      <t>エキ</t>
    </rPh>
    <rPh sb="3" eb="5">
      <t>ミナミグチ</t>
    </rPh>
    <phoneticPr fontId="3"/>
  </si>
  <si>
    <t>市役所前</t>
    <rPh sb="0" eb="1">
      <t>シ</t>
    </rPh>
    <rPh sb="1" eb="2">
      <t>ヤク</t>
    </rPh>
    <rPh sb="2" eb="3">
      <t>ショ</t>
    </rPh>
    <rPh sb="3" eb="4">
      <t>マエ</t>
    </rPh>
    <phoneticPr fontId="3"/>
  </si>
  <si>
    <t>市民病院</t>
    <rPh sb="0" eb="2">
      <t>シミン</t>
    </rPh>
    <rPh sb="2" eb="4">
      <t>ビョウイン</t>
    </rPh>
    <phoneticPr fontId="3"/>
  </si>
  <si>
    <t>　系統</t>
    <rPh sb="1" eb="3">
      <t>ケイトウ</t>
    </rPh>
    <phoneticPr fontId="3"/>
  </si>
  <si>
    <t>Ｂ</t>
    <phoneticPr fontId="3"/>
  </si>
  <si>
    <t>Ａ</t>
    <phoneticPr fontId="3"/>
  </si>
  <si>
    <t>パスコ方面行き</t>
    <rPh sb="3" eb="5">
      <t>ホウメン</t>
    </rPh>
    <rPh sb="5" eb="6">
      <t>イ</t>
    </rPh>
    <phoneticPr fontId="3"/>
  </si>
  <si>
    <t>小杉駅南口</t>
    <rPh sb="0" eb="2">
      <t>コスギ</t>
    </rPh>
    <rPh sb="2" eb="3">
      <t>エキ</t>
    </rPh>
    <rPh sb="3" eb="4">
      <t>ミナミ</t>
    </rPh>
    <rPh sb="4" eb="5">
      <t>クチ</t>
    </rPh>
    <phoneticPr fontId="3"/>
  </si>
  <si>
    <t xml:space="preserve"> ※この路線の全便は、土・日・祝日は運行しません。</t>
    <rPh sb="4" eb="6">
      <t>ロセン</t>
    </rPh>
    <rPh sb="7" eb="9">
      <t>ゼンビン</t>
    </rPh>
    <rPh sb="11" eb="12">
      <t>ド</t>
    </rPh>
    <rPh sb="13" eb="14">
      <t>ヒ</t>
    </rPh>
    <rPh sb="15" eb="17">
      <t>シュクジツ</t>
    </rPh>
    <rPh sb="18" eb="20">
      <t>ウンコウ</t>
    </rPh>
    <phoneticPr fontId="3"/>
  </si>
  <si>
    <t>②新湊・本江線</t>
    <rPh sb="1" eb="3">
      <t>シンミナト</t>
    </rPh>
    <rPh sb="4" eb="5">
      <t>ホン</t>
    </rPh>
    <rPh sb="5" eb="6">
      <t>エ</t>
    </rPh>
    <rPh sb="6" eb="7">
      <t>セン</t>
    </rPh>
    <phoneticPr fontId="3"/>
  </si>
  <si>
    <t>新 湊 地 区 セ ン タ ー 行 き</t>
    <rPh sb="0" eb="1">
      <t>シン</t>
    </rPh>
    <rPh sb="2" eb="3">
      <t>ミナト</t>
    </rPh>
    <rPh sb="4" eb="5">
      <t>チ</t>
    </rPh>
    <rPh sb="6" eb="7">
      <t>ク</t>
    </rPh>
    <rPh sb="16" eb="17">
      <t>イ</t>
    </rPh>
    <phoneticPr fontId="17"/>
  </si>
  <si>
    <t>第3便</t>
    <rPh sb="0" eb="1">
      <t>ダイ</t>
    </rPh>
    <rPh sb="2" eb="3">
      <t>ビン</t>
    </rPh>
    <phoneticPr fontId="17"/>
  </si>
  <si>
    <t>第6便</t>
    <rPh sb="0" eb="1">
      <t>ダイ</t>
    </rPh>
    <rPh sb="2" eb="3">
      <t>ビン</t>
    </rPh>
    <phoneticPr fontId="17"/>
  </si>
  <si>
    <t>第9便</t>
    <rPh sb="0" eb="1">
      <t>ダイ</t>
    </rPh>
    <rPh sb="2" eb="3">
      <t>ビン</t>
    </rPh>
    <phoneticPr fontId="17"/>
  </si>
  <si>
    <t>第10便</t>
    <rPh sb="0" eb="1">
      <t>ダイ</t>
    </rPh>
    <rPh sb="3" eb="4">
      <t>ビン</t>
    </rPh>
    <phoneticPr fontId="3"/>
  </si>
  <si>
    <t>第11便</t>
    <rPh sb="0" eb="1">
      <t>ダイ</t>
    </rPh>
    <rPh sb="3" eb="4">
      <t>ビン</t>
    </rPh>
    <phoneticPr fontId="3"/>
  </si>
  <si>
    <t>足　洗　潟　公　園　口　行　き</t>
    <rPh sb="0" eb="1">
      <t>アシ</t>
    </rPh>
    <rPh sb="2" eb="3">
      <t>ススグ</t>
    </rPh>
    <rPh sb="4" eb="5">
      <t>カタ</t>
    </rPh>
    <rPh sb="6" eb="7">
      <t>コウ</t>
    </rPh>
    <rPh sb="8" eb="9">
      <t>エン</t>
    </rPh>
    <rPh sb="10" eb="11">
      <t>クチ</t>
    </rPh>
    <rPh sb="12" eb="13">
      <t>イ</t>
    </rPh>
    <phoneticPr fontId="17"/>
  </si>
  <si>
    <t>足洗潟公園口</t>
    <rPh sb="0" eb="2">
      <t>アシアライ</t>
    </rPh>
    <rPh sb="2" eb="3">
      <t>カタ</t>
    </rPh>
    <rPh sb="3" eb="5">
      <t>コウエン</t>
    </rPh>
    <rPh sb="5" eb="6">
      <t>クチ</t>
    </rPh>
    <phoneticPr fontId="3"/>
  </si>
  <si>
    <t>新湊地区センター前</t>
    <rPh sb="0" eb="1">
      <t>シン</t>
    </rPh>
    <rPh sb="1" eb="2">
      <t>ミナト</t>
    </rPh>
    <rPh sb="2" eb="4">
      <t>チク</t>
    </rPh>
    <rPh sb="8" eb="9">
      <t>マエ</t>
    </rPh>
    <phoneticPr fontId="3"/>
  </si>
  <si>
    <t>足洗公民館前</t>
    <rPh sb="0" eb="1">
      <t>アシ</t>
    </rPh>
    <rPh sb="1" eb="2">
      <t>アラ</t>
    </rPh>
    <rPh sb="2" eb="5">
      <t>コウミンカン</t>
    </rPh>
    <rPh sb="5" eb="6">
      <t>マエ</t>
    </rPh>
    <phoneticPr fontId="3"/>
  </si>
  <si>
    <t>本江コミュニティセンター前</t>
    <rPh sb="0" eb="1">
      <t>ホン</t>
    </rPh>
    <rPh sb="1" eb="2">
      <t>エ</t>
    </rPh>
    <rPh sb="12" eb="13">
      <t>マエ</t>
    </rPh>
    <phoneticPr fontId="3"/>
  </si>
  <si>
    <t>本江道番</t>
    <rPh sb="0" eb="1">
      <t>ホン</t>
    </rPh>
    <rPh sb="1" eb="2">
      <t>エ</t>
    </rPh>
    <rPh sb="2" eb="3">
      <t>ミチ</t>
    </rPh>
    <rPh sb="3" eb="4">
      <t>バン</t>
    </rPh>
    <phoneticPr fontId="3"/>
  </si>
  <si>
    <t>随時</t>
    <rPh sb="0" eb="2">
      <t>ズイジ</t>
    </rPh>
    <phoneticPr fontId="3"/>
  </si>
  <si>
    <t>新湊信用金庫前</t>
    <rPh sb="0" eb="1">
      <t>シン</t>
    </rPh>
    <rPh sb="1" eb="2">
      <t>ミナト</t>
    </rPh>
    <rPh sb="2" eb="4">
      <t>シンヨウ</t>
    </rPh>
    <rPh sb="4" eb="6">
      <t>キンコ</t>
    </rPh>
    <rPh sb="6" eb="7">
      <t>マエ</t>
    </rPh>
    <phoneticPr fontId="3"/>
  </si>
  <si>
    <t>中新公民館前</t>
    <rPh sb="0" eb="2">
      <t>チュウシン</t>
    </rPh>
    <rPh sb="2" eb="5">
      <t>コウミンカン</t>
    </rPh>
    <rPh sb="5" eb="6">
      <t>マエ</t>
    </rPh>
    <phoneticPr fontId="3"/>
  </si>
  <si>
    <t>針山地蔵前</t>
    <rPh sb="0" eb="2">
      <t>ハリヤマ</t>
    </rPh>
    <rPh sb="2" eb="4">
      <t>ジゾウ</t>
    </rPh>
    <rPh sb="4" eb="5">
      <t>マエ</t>
    </rPh>
    <phoneticPr fontId="3"/>
  </si>
  <si>
    <t>姫野口</t>
    <rPh sb="0" eb="2">
      <t>ヒメノ</t>
    </rPh>
    <rPh sb="2" eb="3">
      <t>クチ</t>
    </rPh>
    <phoneticPr fontId="3"/>
  </si>
  <si>
    <t>富山高専口</t>
    <rPh sb="0" eb="2">
      <t>トヤマ</t>
    </rPh>
    <rPh sb="2" eb="4">
      <t>コウセン</t>
    </rPh>
    <rPh sb="4" eb="5">
      <t>グチ</t>
    </rPh>
    <phoneticPr fontId="3"/>
  </si>
  <si>
    <t>金屋古志野神社前</t>
    <rPh sb="0" eb="2">
      <t>カナヤ</t>
    </rPh>
    <rPh sb="2" eb="3">
      <t>コ</t>
    </rPh>
    <rPh sb="3" eb="4">
      <t>シ</t>
    </rPh>
    <rPh sb="4" eb="5">
      <t>ノ</t>
    </rPh>
    <rPh sb="5" eb="7">
      <t>ジンジャ</t>
    </rPh>
    <rPh sb="7" eb="8">
      <t>マエ</t>
    </rPh>
    <phoneticPr fontId="3"/>
  </si>
  <si>
    <t>練合</t>
    <rPh sb="0" eb="1">
      <t>ネ</t>
    </rPh>
    <rPh sb="1" eb="2">
      <t>ア</t>
    </rPh>
    <phoneticPr fontId="3"/>
  </si>
  <si>
    <t>槍ヶ崎</t>
    <rPh sb="0" eb="1">
      <t>ヤリ</t>
    </rPh>
    <rPh sb="2" eb="3">
      <t>サキ</t>
    </rPh>
    <phoneticPr fontId="3"/>
  </si>
  <si>
    <t>海老江七軒</t>
    <rPh sb="0" eb="3">
      <t>エビエ</t>
    </rPh>
    <rPh sb="3" eb="5">
      <t>シチケン</t>
    </rPh>
    <phoneticPr fontId="3"/>
  </si>
  <si>
    <t>県営住宅前</t>
    <rPh sb="0" eb="2">
      <t>ケンエイ</t>
    </rPh>
    <rPh sb="2" eb="4">
      <t>ジュウタク</t>
    </rPh>
    <rPh sb="4" eb="5">
      <t>マエ</t>
    </rPh>
    <phoneticPr fontId="3"/>
  </si>
  <si>
    <t>海老江中町</t>
    <rPh sb="0" eb="3">
      <t>エビエ</t>
    </rPh>
    <rPh sb="3" eb="4">
      <t>ナカ</t>
    </rPh>
    <rPh sb="4" eb="5">
      <t>マチ</t>
    </rPh>
    <phoneticPr fontId="3"/>
  </si>
  <si>
    <t>海老江西町東</t>
    <rPh sb="0" eb="3">
      <t>エビエ</t>
    </rPh>
    <rPh sb="3" eb="4">
      <t>ニシ</t>
    </rPh>
    <rPh sb="4" eb="5">
      <t>マチ</t>
    </rPh>
    <rPh sb="5" eb="6">
      <t>ヒガシ</t>
    </rPh>
    <phoneticPr fontId="3"/>
  </si>
  <si>
    <t>新湊博物館前</t>
    <rPh sb="0" eb="1">
      <t>シン</t>
    </rPh>
    <rPh sb="1" eb="2">
      <t>ミナト</t>
    </rPh>
    <rPh sb="2" eb="4">
      <t>ハクブツ</t>
    </rPh>
    <rPh sb="4" eb="5">
      <t>カン</t>
    </rPh>
    <rPh sb="5" eb="6">
      <t>マエ</t>
    </rPh>
    <phoneticPr fontId="3"/>
  </si>
  <si>
    <t>海老江西町</t>
    <rPh sb="0" eb="3">
      <t>エビエ</t>
    </rPh>
    <rPh sb="3" eb="4">
      <t>ニシ</t>
    </rPh>
    <rPh sb="4" eb="5">
      <t>マチ</t>
    </rPh>
    <phoneticPr fontId="3"/>
  </si>
  <si>
    <t>新湊アイシン軽金属スポーツ
センター前(新湊総合体育館前)</t>
    <rPh sb="0" eb="1">
      <t>シン</t>
    </rPh>
    <rPh sb="1" eb="2">
      <t>ミナト</t>
    </rPh>
    <rPh sb="6" eb="9">
      <t>ケイキンゾク</t>
    </rPh>
    <rPh sb="18" eb="19">
      <t>マエ</t>
    </rPh>
    <rPh sb="20" eb="21">
      <t>シン</t>
    </rPh>
    <rPh sb="21" eb="22">
      <t>ミナト</t>
    </rPh>
    <rPh sb="22" eb="24">
      <t>ソウゴウ</t>
    </rPh>
    <rPh sb="24" eb="27">
      <t>タイイクカン</t>
    </rPh>
    <rPh sb="27" eb="28">
      <t>マエ</t>
    </rPh>
    <phoneticPr fontId="3"/>
  </si>
  <si>
    <t>海老江海浜公園口</t>
    <rPh sb="0" eb="3">
      <t>エビエ</t>
    </rPh>
    <rPh sb="3" eb="5">
      <t>カイヒン</t>
    </rPh>
    <rPh sb="5" eb="7">
      <t>コウエン</t>
    </rPh>
    <rPh sb="7" eb="8">
      <t>グチ</t>
    </rPh>
    <phoneticPr fontId="3"/>
  </si>
  <si>
    <t>浜開</t>
    <rPh sb="0" eb="1">
      <t>ハマ</t>
    </rPh>
    <rPh sb="1" eb="2">
      <t>ヒラ</t>
    </rPh>
    <phoneticPr fontId="3"/>
  </si>
  <si>
    <t>久々湊</t>
    <rPh sb="0" eb="1">
      <t>ヒサシ</t>
    </rPh>
    <rPh sb="2" eb="3">
      <t>ミナト</t>
    </rPh>
    <phoneticPr fontId="3"/>
  </si>
  <si>
    <t>射北中学校前</t>
    <rPh sb="0" eb="1">
      <t>シャ</t>
    </rPh>
    <rPh sb="1" eb="2">
      <t>キタ</t>
    </rPh>
    <rPh sb="2" eb="5">
      <t>チュウガッコウ</t>
    </rPh>
    <rPh sb="5" eb="6">
      <t>マエ</t>
    </rPh>
    <phoneticPr fontId="3"/>
  </si>
  <si>
    <t>奈呉の江</t>
    <rPh sb="0" eb="1">
      <t>ナ</t>
    </rPh>
    <rPh sb="1" eb="2">
      <t>ゴ</t>
    </rPh>
    <rPh sb="3" eb="4">
      <t>エ</t>
    </rPh>
    <phoneticPr fontId="3"/>
  </si>
  <si>
    <t>海竜スポーツランド</t>
    <rPh sb="0" eb="1">
      <t>カイ</t>
    </rPh>
    <rPh sb="1" eb="2">
      <t>リュウ</t>
    </rPh>
    <phoneticPr fontId="3"/>
  </si>
  <si>
    <t>高場口</t>
    <rPh sb="0" eb="2">
      <t>タカバ</t>
    </rPh>
    <rPh sb="2" eb="3">
      <t>グチ</t>
    </rPh>
    <phoneticPr fontId="3"/>
  </si>
  <si>
    <t>草岡町前</t>
    <rPh sb="0" eb="1">
      <t>クサ</t>
    </rPh>
    <rPh sb="1" eb="2">
      <t>オカ</t>
    </rPh>
    <rPh sb="2" eb="3">
      <t>マチ</t>
    </rPh>
    <rPh sb="3" eb="4">
      <t>マエ</t>
    </rPh>
    <phoneticPr fontId="3"/>
  </si>
  <si>
    <t>片口小学校前</t>
    <rPh sb="0" eb="1">
      <t>カタ</t>
    </rPh>
    <rPh sb="1" eb="2">
      <t>クチ</t>
    </rPh>
    <rPh sb="2" eb="5">
      <t>ショウガッコウ</t>
    </rPh>
    <rPh sb="5" eb="6">
      <t>マエ</t>
    </rPh>
    <phoneticPr fontId="3"/>
  </si>
  <si>
    <t>堀岡古明神</t>
    <rPh sb="0" eb="2">
      <t>ホリオカ</t>
    </rPh>
    <rPh sb="2" eb="3">
      <t>フル</t>
    </rPh>
    <rPh sb="3" eb="4">
      <t>ア</t>
    </rPh>
    <rPh sb="4" eb="5">
      <t>カミ</t>
    </rPh>
    <phoneticPr fontId="3"/>
  </si>
  <si>
    <t>ＪＡいみず野片口支店前</t>
    <rPh sb="5" eb="6">
      <t>ノ</t>
    </rPh>
    <rPh sb="6" eb="7">
      <t>カタ</t>
    </rPh>
    <rPh sb="7" eb="8">
      <t>クチ</t>
    </rPh>
    <rPh sb="8" eb="10">
      <t>シテン</t>
    </rPh>
    <rPh sb="10" eb="11">
      <t>マエ</t>
    </rPh>
    <phoneticPr fontId="3"/>
  </si>
  <si>
    <t>堀岡東町</t>
    <rPh sb="0" eb="1">
      <t>ホリ</t>
    </rPh>
    <rPh sb="1" eb="4">
      <t>オカヒガシマチ</t>
    </rPh>
    <phoneticPr fontId="3"/>
  </si>
  <si>
    <t>片口北</t>
    <rPh sb="0" eb="1">
      <t>カタ</t>
    </rPh>
    <rPh sb="1" eb="2">
      <t>クチ</t>
    </rPh>
    <rPh sb="2" eb="3">
      <t>キタ</t>
    </rPh>
    <phoneticPr fontId="3"/>
  </si>
  <si>
    <t>堀岡中町</t>
    <rPh sb="0" eb="2">
      <t>ホリオカ</t>
    </rPh>
    <rPh sb="2" eb="3">
      <t>チュウ</t>
    </rPh>
    <rPh sb="3" eb="4">
      <t>マチ</t>
    </rPh>
    <phoneticPr fontId="3"/>
  </si>
  <si>
    <t>やんばいはうす片口前</t>
    <rPh sb="7" eb="8">
      <t>カタ</t>
    </rPh>
    <rPh sb="8" eb="9">
      <t>クチ</t>
    </rPh>
    <rPh sb="9" eb="10">
      <t>マエ</t>
    </rPh>
    <phoneticPr fontId="3"/>
  </si>
  <si>
    <t>新港東口</t>
    <rPh sb="0" eb="2">
      <t>シンコウ</t>
    </rPh>
    <rPh sb="2" eb="4">
      <t>ヒガシグチ</t>
    </rPh>
    <phoneticPr fontId="3"/>
  </si>
  <si>
    <t>二十六町口</t>
    <rPh sb="0" eb="3">
      <t>ニジュウロク</t>
    </rPh>
    <rPh sb="3" eb="4">
      <t>マチ</t>
    </rPh>
    <rPh sb="4" eb="5">
      <t>クチ</t>
    </rPh>
    <phoneticPr fontId="3"/>
  </si>
  <si>
    <t>堀岡コミュニティセンター前</t>
    <rPh sb="0" eb="2">
      <t>ホリオカ</t>
    </rPh>
    <rPh sb="12" eb="13">
      <t>マエ</t>
    </rPh>
    <phoneticPr fontId="3"/>
  </si>
  <si>
    <t>七美中野</t>
    <rPh sb="0" eb="1">
      <t>ナナ</t>
    </rPh>
    <rPh sb="1" eb="2">
      <t>ミ</t>
    </rPh>
    <rPh sb="2" eb="4">
      <t>ナカノ</t>
    </rPh>
    <phoneticPr fontId="3"/>
  </si>
  <si>
    <t>射水町</t>
    <rPh sb="0" eb="3">
      <t>イミズチョウ</t>
    </rPh>
    <phoneticPr fontId="17"/>
  </si>
  <si>
    <t>新明町</t>
    <rPh sb="0" eb="3">
      <t>シンメイチョウ</t>
    </rPh>
    <phoneticPr fontId="3"/>
  </si>
  <si>
    <t>北電社宅前</t>
    <rPh sb="0" eb="1">
      <t>キタ</t>
    </rPh>
    <rPh sb="1" eb="2">
      <t>デン</t>
    </rPh>
    <rPh sb="2" eb="4">
      <t>シャタク</t>
    </rPh>
    <rPh sb="4" eb="5">
      <t>マエ</t>
    </rPh>
    <phoneticPr fontId="3"/>
  </si>
  <si>
    <t>新明町</t>
    <rPh sb="0" eb="1">
      <t>シン</t>
    </rPh>
    <rPh sb="1" eb="2">
      <t>ア</t>
    </rPh>
    <rPh sb="2" eb="3">
      <t>マチ</t>
    </rPh>
    <phoneticPr fontId="3"/>
  </si>
  <si>
    <t>射水町</t>
    <rPh sb="0" eb="2">
      <t>イミズ</t>
    </rPh>
    <rPh sb="2" eb="3">
      <t>マチ</t>
    </rPh>
    <phoneticPr fontId="17"/>
  </si>
  <si>
    <t>堀岡中町</t>
    <rPh sb="0" eb="2">
      <t>ホリオカ</t>
    </rPh>
    <rPh sb="2" eb="4">
      <t>ナカマチ</t>
    </rPh>
    <phoneticPr fontId="3"/>
  </si>
  <si>
    <t>堀岡東町</t>
    <rPh sb="0" eb="2">
      <t>ホリオカ</t>
    </rPh>
    <rPh sb="2" eb="3">
      <t>ヒガシ</t>
    </rPh>
    <rPh sb="3" eb="4">
      <t>マチ</t>
    </rPh>
    <phoneticPr fontId="3"/>
  </si>
  <si>
    <t>高場口</t>
    <rPh sb="0" eb="2">
      <t>タカバ</t>
    </rPh>
    <rPh sb="2" eb="3">
      <t>クチ</t>
    </rPh>
    <phoneticPr fontId="3"/>
  </si>
  <si>
    <t>海老江海浜公園口</t>
    <rPh sb="0" eb="3">
      <t>エビエ</t>
    </rPh>
    <rPh sb="3" eb="5">
      <t>カイヒン</t>
    </rPh>
    <rPh sb="5" eb="7">
      <t>コウエン</t>
    </rPh>
    <rPh sb="7" eb="8">
      <t>クチ</t>
    </rPh>
    <phoneticPr fontId="3"/>
  </si>
  <si>
    <t>新湊博物館前</t>
    <rPh sb="0" eb="1">
      <t>シン</t>
    </rPh>
    <rPh sb="1" eb="2">
      <t>ミナト</t>
    </rPh>
    <rPh sb="2" eb="5">
      <t>ハクブツカン</t>
    </rPh>
    <rPh sb="5" eb="6">
      <t>マエ</t>
    </rPh>
    <phoneticPr fontId="3"/>
  </si>
  <si>
    <t>鏡宮北（第１便は新生町）</t>
    <rPh sb="0" eb="1">
      <t>カガミ</t>
    </rPh>
    <rPh sb="1" eb="2">
      <t>ミヤ</t>
    </rPh>
    <rPh sb="2" eb="3">
      <t>キタ</t>
    </rPh>
    <rPh sb="4" eb="5">
      <t>ダイ</t>
    </rPh>
    <rPh sb="6" eb="7">
      <t>ビン</t>
    </rPh>
    <rPh sb="8" eb="11">
      <t>シンセイチョウ</t>
    </rPh>
    <phoneticPr fontId="3"/>
  </si>
  <si>
    <t>新生町</t>
    <rPh sb="0" eb="3">
      <t>シンセイマチ</t>
    </rPh>
    <phoneticPr fontId="3"/>
  </si>
  <si>
    <t>練合東口</t>
    <rPh sb="0" eb="1">
      <t>ネ</t>
    </rPh>
    <rPh sb="1" eb="2">
      <t>ア</t>
    </rPh>
    <rPh sb="2" eb="3">
      <t>ヒガシ</t>
    </rPh>
    <rPh sb="3" eb="4">
      <t>クチ</t>
    </rPh>
    <phoneticPr fontId="3"/>
  </si>
  <si>
    <t>↓</t>
    <phoneticPr fontId="3"/>
  </si>
  <si>
    <t>③七美・作道経由庄西線</t>
    <phoneticPr fontId="3"/>
  </si>
  <si>
    <t>中伏木行き</t>
    <rPh sb="0" eb="1">
      <t>ナカ</t>
    </rPh>
    <rPh sb="1" eb="3">
      <t>フシキ</t>
    </rPh>
    <rPh sb="3" eb="4">
      <t>イ</t>
    </rPh>
    <phoneticPr fontId="3"/>
  </si>
  <si>
    <t>足洗潟公園口行き</t>
    <rPh sb="0" eb="2">
      <t>アシアライ</t>
    </rPh>
    <rPh sb="2" eb="3">
      <t>カタ</t>
    </rPh>
    <rPh sb="3" eb="5">
      <t>コウエン</t>
    </rPh>
    <rPh sb="5" eb="6">
      <t>クチ</t>
    </rPh>
    <rPh sb="6" eb="7">
      <t>イ</t>
    </rPh>
    <phoneticPr fontId="3"/>
  </si>
  <si>
    <t>中伏木駅前</t>
    <rPh sb="0" eb="1">
      <t>ナカ</t>
    </rPh>
    <rPh sb="1" eb="3">
      <t>フシキ</t>
    </rPh>
    <rPh sb="3" eb="5">
      <t>エキマエ</t>
    </rPh>
    <phoneticPr fontId="3"/>
  </si>
  <si>
    <t>練合東口</t>
    <rPh sb="0" eb="2">
      <t>ネリヤ</t>
    </rPh>
    <rPh sb="2" eb="4">
      <t>ヒガシグチ</t>
    </rPh>
    <phoneticPr fontId="3"/>
  </si>
  <si>
    <t>六渡寺駅前</t>
    <rPh sb="0" eb="3">
      <t>ロクドウジ</t>
    </rPh>
    <rPh sb="3" eb="5">
      <t>エキマエ</t>
    </rPh>
    <phoneticPr fontId="3"/>
  </si>
  <si>
    <t>練合</t>
    <rPh sb="0" eb="2">
      <t>ネリヤ</t>
    </rPh>
    <phoneticPr fontId="3"/>
  </si>
  <si>
    <t>庄西町１丁目</t>
    <rPh sb="0" eb="3">
      <t>ショウセイマチ</t>
    </rPh>
    <rPh sb="4" eb="6">
      <t>チョウメ</t>
    </rPh>
    <phoneticPr fontId="3"/>
  </si>
  <si>
    <t>練合南</t>
    <rPh sb="0" eb="1">
      <t>ネリ</t>
    </rPh>
    <rPh sb="1" eb="2">
      <t>ア</t>
    </rPh>
    <rPh sb="2" eb="3">
      <t>ミナミ</t>
    </rPh>
    <phoneticPr fontId="3"/>
  </si>
  <si>
    <t>日枝神社前</t>
    <rPh sb="0" eb="2">
      <t>ヒエ</t>
    </rPh>
    <rPh sb="2" eb="4">
      <t>ジンジャ</t>
    </rPh>
    <rPh sb="4" eb="5">
      <t>マエ</t>
    </rPh>
    <phoneticPr fontId="3"/>
  </si>
  <si>
    <t>槍ケ崎</t>
    <rPh sb="0" eb="1">
      <t>ヤリ</t>
    </rPh>
    <rPh sb="2" eb="3">
      <t>サキ</t>
    </rPh>
    <phoneticPr fontId="3"/>
  </si>
  <si>
    <t>本町交差点北</t>
    <rPh sb="0" eb="2">
      <t>ホンマチ</t>
    </rPh>
    <rPh sb="2" eb="5">
      <t>コウサテン</t>
    </rPh>
    <rPh sb="5" eb="6">
      <t>キタ</t>
    </rPh>
    <phoneticPr fontId="3"/>
  </si>
  <si>
    <t>庄川本町</t>
    <rPh sb="0" eb="2">
      <t>ショウガワ</t>
    </rPh>
    <rPh sb="2" eb="4">
      <t>ホンマチ</t>
    </rPh>
    <phoneticPr fontId="3"/>
  </si>
  <si>
    <t>庄川口駅前</t>
    <rPh sb="0" eb="2">
      <t>ショウガワ</t>
    </rPh>
    <rPh sb="2" eb="3">
      <t>グチ</t>
    </rPh>
    <rPh sb="3" eb="5">
      <t>エキマエ</t>
    </rPh>
    <phoneticPr fontId="3"/>
  </si>
  <si>
    <t>サンビレッジ新湊前</t>
    <rPh sb="6" eb="8">
      <t>シンミナト</t>
    </rPh>
    <rPh sb="8" eb="9">
      <t>マエ</t>
    </rPh>
    <phoneticPr fontId="3"/>
  </si>
  <si>
    <t>下牧野西口</t>
    <rPh sb="0" eb="1">
      <t>シモ</t>
    </rPh>
    <rPh sb="1" eb="3">
      <t>マキノ</t>
    </rPh>
    <rPh sb="3" eb="5">
      <t>ニシグチ</t>
    </rPh>
    <phoneticPr fontId="3"/>
  </si>
  <si>
    <t>八島口</t>
    <rPh sb="0" eb="2">
      <t>ヤシマ</t>
    </rPh>
    <rPh sb="2" eb="3">
      <t>グチ</t>
    </rPh>
    <phoneticPr fontId="3"/>
  </si>
  <si>
    <t>下牧野中</t>
    <rPh sb="0" eb="3">
      <t>シモマキノ</t>
    </rPh>
    <rPh sb="3" eb="4">
      <t>ナカ</t>
    </rPh>
    <phoneticPr fontId="3"/>
  </si>
  <si>
    <t>七美幼稚園前</t>
    <rPh sb="0" eb="2">
      <t>シチミ</t>
    </rPh>
    <rPh sb="2" eb="5">
      <t>ヨウチエン</t>
    </rPh>
    <rPh sb="5" eb="6">
      <t>マエ</t>
    </rPh>
    <phoneticPr fontId="3"/>
  </si>
  <si>
    <t>下牧野東口</t>
    <rPh sb="0" eb="3">
      <t>シモマキノ</t>
    </rPh>
    <rPh sb="3" eb="5">
      <t>ヒガシグチ</t>
    </rPh>
    <phoneticPr fontId="3"/>
  </si>
  <si>
    <t>下地区センター前</t>
    <rPh sb="0" eb="1">
      <t>シモ</t>
    </rPh>
    <rPh sb="1" eb="3">
      <t>チク</t>
    </rPh>
    <rPh sb="7" eb="8">
      <t>マエ</t>
    </rPh>
    <phoneticPr fontId="3"/>
  </si>
  <si>
    <t>善光寺交差点</t>
    <rPh sb="0" eb="3">
      <t>ゼンコウジ</t>
    </rPh>
    <rPh sb="3" eb="6">
      <t>コウサテン</t>
    </rPh>
    <phoneticPr fontId="3"/>
  </si>
  <si>
    <t>ケアハウス万葉前</t>
    <rPh sb="5" eb="7">
      <t>マンヨウ</t>
    </rPh>
    <rPh sb="7" eb="8">
      <t>マエ</t>
    </rPh>
    <phoneticPr fontId="3"/>
  </si>
  <si>
    <t>柳瀬公民館前</t>
    <rPh sb="0" eb="2">
      <t>ヤナセ</t>
    </rPh>
    <rPh sb="2" eb="5">
      <t>コウミンカン</t>
    </rPh>
    <rPh sb="5" eb="6">
      <t>マエ</t>
    </rPh>
    <phoneticPr fontId="3"/>
  </si>
  <si>
    <t>二十六町公民館前</t>
    <rPh sb="0" eb="4">
      <t>ニジュウロクチョウ</t>
    </rPh>
    <rPh sb="4" eb="7">
      <t>コウミンカン</t>
    </rPh>
    <rPh sb="7" eb="8">
      <t>マエ</t>
    </rPh>
    <phoneticPr fontId="3"/>
  </si>
  <si>
    <t>七美工業団地口</t>
    <rPh sb="0" eb="2">
      <t>シチミ</t>
    </rPh>
    <rPh sb="2" eb="4">
      <t>コウギョウ</t>
    </rPh>
    <rPh sb="4" eb="6">
      <t>ダンチ</t>
    </rPh>
    <rPh sb="6" eb="7">
      <t>グチ</t>
    </rPh>
    <phoneticPr fontId="3"/>
  </si>
  <si>
    <t>中曽根神社前</t>
    <rPh sb="0" eb="3">
      <t>ナカソネ</t>
    </rPh>
    <rPh sb="3" eb="5">
      <t>ジンジャ</t>
    </rPh>
    <rPh sb="5" eb="6">
      <t>マエ</t>
    </rPh>
    <phoneticPr fontId="3"/>
  </si>
  <si>
    <t>リサイクルプラザ前</t>
    <rPh sb="8" eb="9">
      <t>マエ</t>
    </rPh>
    <phoneticPr fontId="3"/>
  </si>
  <si>
    <t>中曽根公民館前</t>
    <rPh sb="0" eb="3">
      <t>ナカソネ</t>
    </rPh>
    <rPh sb="3" eb="6">
      <t>コウミンカン</t>
    </rPh>
    <rPh sb="6" eb="7">
      <t>マエ</t>
    </rPh>
    <phoneticPr fontId="3"/>
  </si>
  <si>
    <t>久々江公民館前</t>
    <rPh sb="0" eb="3">
      <t>クグエ</t>
    </rPh>
    <rPh sb="3" eb="6">
      <t>コウミンカン</t>
    </rPh>
    <rPh sb="6" eb="7">
      <t>マエ</t>
    </rPh>
    <phoneticPr fontId="3"/>
  </si>
  <si>
    <t>中曽根東口</t>
    <rPh sb="0" eb="3">
      <t>ナカソネ</t>
    </rPh>
    <rPh sb="3" eb="5">
      <t>ヒガシグチ</t>
    </rPh>
    <phoneticPr fontId="3"/>
  </si>
  <si>
    <t>古高場</t>
    <rPh sb="0" eb="1">
      <t>フル</t>
    </rPh>
    <rPh sb="1" eb="2">
      <t>タカ</t>
    </rPh>
    <rPh sb="2" eb="3">
      <t>バ</t>
    </rPh>
    <phoneticPr fontId="3"/>
  </si>
  <si>
    <t>朴木口</t>
    <rPh sb="0" eb="1">
      <t>ボク</t>
    </rPh>
    <rPh sb="1" eb="2">
      <t>キ</t>
    </rPh>
    <rPh sb="2" eb="3">
      <t>クチ</t>
    </rPh>
    <phoneticPr fontId="3"/>
  </si>
  <si>
    <t>東津幡江公民館前</t>
    <rPh sb="0" eb="1">
      <t>ヒガシ</t>
    </rPh>
    <rPh sb="1" eb="4">
      <t>ツバタエ</t>
    </rPh>
    <rPh sb="4" eb="7">
      <t>コウミンカン</t>
    </rPh>
    <rPh sb="7" eb="8">
      <t>マエ</t>
    </rPh>
    <phoneticPr fontId="3"/>
  </si>
  <si>
    <r>
      <t xml:space="preserve">市民病院　 </t>
    </r>
    <r>
      <rPr>
        <sz val="11"/>
        <rFont val="ＭＳ Ｐゴシック"/>
        <family val="3"/>
        <charset val="128"/>
      </rPr>
      <t xml:space="preserve">                   </t>
    </r>
    <r>
      <rPr>
        <sz val="11"/>
        <rFont val="ＭＳ Ｐゴシック"/>
        <family val="3"/>
        <charset val="128"/>
      </rPr>
      <t>着</t>
    </r>
    <rPh sb="0" eb="2">
      <t>シミン</t>
    </rPh>
    <rPh sb="2" eb="4">
      <t>ビョウイン</t>
    </rPh>
    <rPh sb="25" eb="26">
      <t>チャク</t>
    </rPh>
    <phoneticPr fontId="3"/>
  </si>
  <si>
    <t>西津幡江口</t>
    <rPh sb="0" eb="1">
      <t>ニシ</t>
    </rPh>
    <rPh sb="1" eb="3">
      <t>ツバタ</t>
    </rPh>
    <rPh sb="3" eb="5">
      <t>エグチ</t>
    </rPh>
    <phoneticPr fontId="3"/>
  </si>
  <si>
    <t>作道小学校前</t>
    <rPh sb="0" eb="2">
      <t>ツクリミチ</t>
    </rPh>
    <rPh sb="2" eb="5">
      <t>ショウガッコウ</t>
    </rPh>
    <rPh sb="5" eb="6">
      <t>マエ</t>
    </rPh>
    <phoneticPr fontId="3"/>
  </si>
  <si>
    <t>新湊南部中学校前</t>
    <rPh sb="0" eb="2">
      <t>シンミナト</t>
    </rPh>
    <rPh sb="2" eb="4">
      <t>ナンブ</t>
    </rPh>
    <rPh sb="4" eb="7">
      <t>チュウガッコウ</t>
    </rPh>
    <rPh sb="7" eb="8">
      <t>マエ</t>
    </rPh>
    <phoneticPr fontId="3"/>
  </si>
  <si>
    <t>野村</t>
    <rPh sb="0" eb="2">
      <t>ノムラ</t>
    </rPh>
    <phoneticPr fontId="3"/>
  </si>
  <si>
    <t>作道自治公民館前</t>
    <rPh sb="0" eb="2">
      <t>ツクリミチ</t>
    </rPh>
    <rPh sb="2" eb="4">
      <t>ジチ</t>
    </rPh>
    <rPh sb="4" eb="7">
      <t>コウミンカン</t>
    </rPh>
    <rPh sb="7" eb="8">
      <t>マエ</t>
    </rPh>
    <phoneticPr fontId="3"/>
  </si>
  <si>
    <r>
      <t xml:space="preserve">市民病院　                    </t>
    </r>
    <r>
      <rPr>
        <sz val="11"/>
        <rFont val="ＭＳ Ｐゴシック"/>
        <family val="3"/>
        <charset val="128"/>
      </rPr>
      <t>着</t>
    </r>
    <rPh sb="0" eb="2">
      <t>シミン</t>
    </rPh>
    <rPh sb="2" eb="4">
      <t>ビョウイン</t>
    </rPh>
    <rPh sb="25" eb="26">
      <t>チャク</t>
    </rPh>
    <phoneticPr fontId="3"/>
  </si>
  <si>
    <t>発</t>
    <rPh sb="0" eb="1">
      <t>ハツ</t>
    </rPh>
    <phoneticPr fontId="3"/>
  </si>
  <si>
    <t>－</t>
  </si>
  <si>
    <t>④塚原・作道循環線（平日のみ運行）　</t>
    <rPh sb="10" eb="12">
      <t>ヘイジツ</t>
    </rPh>
    <rPh sb="14" eb="16">
      <t>ウンコウ</t>
    </rPh>
    <phoneticPr fontId="3"/>
  </si>
  <si>
    <t>バス停名</t>
    <phoneticPr fontId="3"/>
  </si>
  <si>
    <t>塚 原 循 環</t>
    <rPh sb="0" eb="1">
      <t>ツカ</t>
    </rPh>
    <rPh sb="2" eb="3">
      <t>ハラ</t>
    </rPh>
    <rPh sb="4" eb="5">
      <t>メグル</t>
    </rPh>
    <rPh sb="6" eb="7">
      <t>ワ</t>
    </rPh>
    <phoneticPr fontId="3"/>
  </si>
  <si>
    <t>朴木公民館前</t>
    <rPh sb="0" eb="2">
      <t>ホオノキ</t>
    </rPh>
    <rPh sb="2" eb="5">
      <t>コウミンカン</t>
    </rPh>
    <rPh sb="5" eb="6">
      <t>マエ</t>
    </rPh>
    <phoneticPr fontId="3"/>
  </si>
  <si>
    <t>松木東口</t>
    <rPh sb="0" eb="2">
      <t>マツノキ</t>
    </rPh>
    <rPh sb="2" eb="4">
      <t>ヒガシグチ</t>
    </rPh>
    <phoneticPr fontId="3"/>
  </si>
  <si>
    <t>松木公民館前</t>
    <rPh sb="0" eb="2">
      <t>マツノキ</t>
    </rPh>
    <rPh sb="2" eb="5">
      <t>コウミンカン</t>
    </rPh>
    <rPh sb="5" eb="6">
      <t>マエ</t>
    </rPh>
    <phoneticPr fontId="3"/>
  </si>
  <si>
    <t>松木北口</t>
    <rPh sb="0" eb="2">
      <t>マツノキ</t>
    </rPh>
    <rPh sb="2" eb="4">
      <t>キタグチ</t>
    </rPh>
    <phoneticPr fontId="3"/>
  </si>
  <si>
    <t>↓</t>
    <phoneticPr fontId="3"/>
  </si>
  <si>
    <t>上牧野</t>
    <rPh sb="0" eb="1">
      <t>カミ</t>
    </rPh>
    <rPh sb="1" eb="3">
      <t>マキノ</t>
    </rPh>
    <phoneticPr fontId="3"/>
  </si>
  <si>
    <t>宮袋</t>
    <rPh sb="0" eb="2">
      <t>ミヤブクロ</t>
    </rPh>
    <phoneticPr fontId="3"/>
  </si>
  <si>
    <t>川口</t>
    <rPh sb="0" eb="2">
      <t>カワグチ</t>
    </rPh>
    <phoneticPr fontId="3"/>
  </si>
  <si>
    <t>坂東公民館前</t>
    <rPh sb="0" eb="2">
      <t>バンドウ</t>
    </rPh>
    <rPh sb="2" eb="5">
      <t>コウミンカン</t>
    </rPh>
    <rPh sb="5" eb="6">
      <t>マエ</t>
    </rPh>
    <phoneticPr fontId="3"/>
  </si>
  <si>
    <t>寺塚原西口</t>
    <rPh sb="0" eb="3">
      <t>テラツカハラ</t>
    </rPh>
    <rPh sb="3" eb="5">
      <t>ニシグチ</t>
    </rPh>
    <phoneticPr fontId="3"/>
  </si>
  <si>
    <t>寺塚原中</t>
    <rPh sb="0" eb="3">
      <t>テラツカハラ</t>
    </rPh>
    <rPh sb="3" eb="4">
      <t>ナカ</t>
    </rPh>
    <phoneticPr fontId="3"/>
  </si>
  <si>
    <t>寺塚原公民館前</t>
    <rPh sb="0" eb="3">
      <t>テラツカハラ</t>
    </rPh>
    <rPh sb="3" eb="6">
      <t>コウミンカン</t>
    </rPh>
    <rPh sb="6" eb="7">
      <t>マエ</t>
    </rPh>
    <phoneticPr fontId="3"/>
  </si>
  <si>
    <t>寺塚原東口</t>
    <rPh sb="0" eb="3">
      <t>テラツカハラ</t>
    </rPh>
    <rPh sb="3" eb="5">
      <t>ヒガシグチ</t>
    </rPh>
    <phoneticPr fontId="3"/>
  </si>
  <si>
    <t>沖塚原西口</t>
    <rPh sb="0" eb="3">
      <t>オキツカハラ</t>
    </rPh>
    <rPh sb="3" eb="5">
      <t>ニシグチ</t>
    </rPh>
    <phoneticPr fontId="3"/>
  </si>
  <si>
    <t>沖塚原</t>
    <rPh sb="0" eb="3">
      <t>オキツカハラ</t>
    </rPh>
    <phoneticPr fontId="3"/>
  </si>
  <si>
    <t>作 道 循 環</t>
    <rPh sb="0" eb="1">
      <t>サク</t>
    </rPh>
    <rPh sb="2" eb="3">
      <t>ミチ</t>
    </rPh>
    <rPh sb="4" eb="5">
      <t>メグル</t>
    </rPh>
    <rPh sb="6" eb="7">
      <t>ワ</t>
    </rPh>
    <phoneticPr fontId="3"/>
  </si>
  <si>
    <t>今井神社前</t>
    <rPh sb="0" eb="2">
      <t>イマイ</t>
    </rPh>
    <rPh sb="2" eb="4">
      <t>ジンジャ</t>
    </rPh>
    <rPh sb="4" eb="5">
      <t>マエ</t>
    </rPh>
    <phoneticPr fontId="3"/>
  </si>
  <si>
    <t>沖</t>
    <rPh sb="0" eb="1">
      <t>オキ</t>
    </rPh>
    <phoneticPr fontId="3"/>
  </si>
  <si>
    <t>射水警察署前</t>
    <rPh sb="0" eb="2">
      <t>イミズ</t>
    </rPh>
    <rPh sb="2" eb="5">
      <t>ケイサツショ</t>
    </rPh>
    <rPh sb="5" eb="6">
      <t>マエ</t>
    </rPh>
    <phoneticPr fontId="3"/>
  </si>
  <si>
    <t>高木農村公園前</t>
    <rPh sb="0" eb="2">
      <t>タカキ</t>
    </rPh>
    <rPh sb="2" eb="4">
      <t>ノウソン</t>
    </rPh>
    <rPh sb="4" eb="6">
      <t>コウエン</t>
    </rPh>
    <rPh sb="6" eb="7">
      <t>マエ</t>
    </rPh>
    <phoneticPr fontId="3"/>
  </si>
  <si>
    <t>※この路線は、塚原循環のバス停で乗車し、作道循環のバス停で降車した場合、または、</t>
    <rPh sb="3" eb="5">
      <t>ロセン</t>
    </rPh>
    <rPh sb="7" eb="9">
      <t>ツカハラ</t>
    </rPh>
    <rPh sb="9" eb="11">
      <t>ジュンカン</t>
    </rPh>
    <rPh sb="14" eb="15">
      <t>テイ</t>
    </rPh>
    <rPh sb="16" eb="18">
      <t>ジョウシャ</t>
    </rPh>
    <rPh sb="20" eb="21">
      <t>ツク</t>
    </rPh>
    <rPh sb="21" eb="22">
      <t>ミチ</t>
    </rPh>
    <rPh sb="22" eb="24">
      <t>ジュンカン</t>
    </rPh>
    <rPh sb="27" eb="28">
      <t>テイ</t>
    </rPh>
    <rPh sb="29" eb="31">
      <t>コウシャ</t>
    </rPh>
    <rPh sb="33" eb="35">
      <t>バアイ</t>
    </rPh>
    <phoneticPr fontId="3"/>
  </si>
  <si>
    <t>　作道循環のバス停で乗車し、塚原循環のバス停で降車した場合も１回乗車の運賃です。</t>
    <rPh sb="1" eb="2">
      <t>ツク</t>
    </rPh>
    <rPh sb="2" eb="3">
      <t>ミチ</t>
    </rPh>
    <rPh sb="3" eb="5">
      <t>ジュンカン</t>
    </rPh>
    <rPh sb="8" eb="9">
      <t>テイ</t>
    </rPh>
    <rPh sb="10" eb="12">
      <t>ジョウシャ</t>
    </rPh>
    <rPh sb="14" eb="16">
      <t>ツカハラ</t>
    </rPh>
    <rPh sb="16" eb="18">
      <t>ジュンカン</t>
    </rPh>
    <rPh sb="21" eb="22">
      <t>テイ</t>
    </rPh>
    <rPh sb="23" eb="25">
      <t>コウシャ</t>
    </rPh>
    <rPh sb="27" eb="29">
      <t>バアイ</t>
    </rPh>
    <rPh sb="31" eb="32">
      <t>カイ</t>
    </rPh>
    <rPh sb="32" eb="34">
      <t>ジョウシャ</t>
    </rPh>
    <rPh sb="35" eb="37">
      <t>ウンチン</t>
    </rPh>
    <phoneticPr fontId="3"/>
  </si>
  <si>
    <t>⑥新湊・呉羽駅線</t>
    <rPh sb="1" eb="3">
      <t>シンミナト</t>
    </rPh>
    <rPh sb="4" eb="6">
      <t>クレハ</t>
    </rPh>
    <rPh sb="6" eb="7">
      <t>エキ</t>
    </rPh>
    <rPh sb="7" eb="8">
      <t>セン</t>
    </rPh>
    <phoneticPr fontId="3"/>
  </si>
  <si>
    <t>呉　　　羽　　　駅　　　行　　　き</t>
    <rPh sb="0" eb="1">
      <t>クレ</t>
    </rPh>
    <rPh sb="4" eb="5">
      <t>ハネ</t>
    </rPh>
    <rPh sb="8" eb="9">
      <t>エキ</t>
    </rPh>
    <rPh sb="12" eb="13">
      <t>イ</t>
    </rPh>
    <phoneticPr fontId="17"/>
  </si>
  <si>
    <t>新　　　港　　　東　　　口　　　行　　　き</t>
    <rPh sb="0" eb="1">
      <t>シン</t>
    </rPh>
    <rPh sb="4" eb="5">
      <t>ミナト</t>
    </rPh>
    <rPh sb="8" eb="9">
      <t>ヒガシ</t>
    </rPh>
    <rPh sb="12" eb="13">
      <t>クチ</t>
    </rPh>
    <rPh sb="16" eb="17">
      <t>イ</t>
    </rPh>
    <phoneticPr fontId="17"/>
  </si>
  <si>
    <t>新港東口</t>
    <rPh sb="0" eb="1">
      <t>シン</t>
    </rPh>
    <rPh sb="1" eb="2">
      <t>ミナト</t>
    </rPh>
    <rPh sb="2" eb="4">
      <t>ヒガシグチ</t>
    </rPh>
    <phoneticPr fontId="3"/>
  </si>
  <si>
    <t>7:00</t>
  </si>
  <si>
    <t>呉羽駅前</t>
    <rPh sb="0" eb="2">
      <t>クレハ</t>
    </rPh>
    <rPh sb="2" eb="3">
      <t>エキ</t>
    </rPh>
    <rPh sb="3" eb="4">
      <t>マエ</t>
    </rPh>
    <phoneticPr fontId="3"/>
  </si>
  <si>
    <t>8:10</t>
  </si>
  <si>
    <t>16:10</t>
  </si>
  <si>
    <t>17:25</t>
  </si>
  <si>
    <t>18:40</t>
  </si>
  <si>
    <t>呉羽高校前</t>
    <rPh sb="0" eb="2">
      <t>クレハ</t>
    </rPh>
    <rPh sb="2" eb="4">
      <t>コウコウ</t>
    </rPh>
    <rPh sb="4" eb="5">
      <t>マエ</t>
    </rPh>
    <phoneticPr fontId="3"/>
  </si>
  <si>
    <t>堀岡古明神</t>
    <rPh sb="0" eb="2">
      <t>ホリオカ</t>
    </rPh>
    <rPh sb="2" eb="3">
      <t>フル</t>
    </rPh>
    <rPh sb="3" eb="4">
      <t>アカ</t>
    </rPh>
    <rPh sb="4" eb="5">
      <t>カミ</t>
    </rPh>
    <phoneticPr fontId="3"/>
  </si>
  <si>
    <t>富山短期大学前</t>
    <rPh sb="0" eb="2">
      <t>トヤマ</t>
    </rPh>
    <rPh sb="2" eb="4">
      <t>タンキ</t>
    </rPh>
    <rPh sb="4" eb="6">
      <t>ダイガク</t>
    </rPh>
    <rPh sb="6" eb="7">
      <t>マエ</t>
    </rPh>
    <phoneticPr fontId="3"/>
  </si>
  <si>
    <t>16:17</t>
  </si>
  <si>
    <t>17:32</t>
  </si>
  <si>
    <t>18:47</t>
  </si>
  <si>
    <t>射北中学校前</t>
    <rPh sb="0" eb="1">
      <t>イ</t>
    </rPh>
    <rPh sb="1" eb="2">
      <t>キタ</t>
    </rPh>
    <rPh sb="2" eb="5">
      <t>チュウガッコウ</t>
    </rPh>
    <rPh sb="5" eb="6">
      <t>マエ</t>
    </rPh>
    <phoneticPr fontId="3"/>
  </si>
  <si>
    <t>白石口</t>
    <rPh sb="0" eb="2">
      <t>シライシ</t>
    </rPh>
    <rPh sb="2" eb="3">
      <t>クチ</t>
    </rPh>
    <phoneticPr fontId="3"/>
  </si>
  <si>
    <t>白石神社前</t>
    <rPh sb="0" eb="2">
      <t>シライシ</t>
    </rPh>
    <rPh sb="2" eb="4">
      <t>ジンジャ</t>
    </rPh>
    <rPh sb="4" eb="5">
      <t>マエ</t>
    </rPh>
    <phoneticPr fontId="3"/>
  </si>
  <si>
    <t>海老江海浜公園口</t>
    <rPh sb="0" eb="3">
      <t>エビエ</t>
    </rPh>
    <rPh sb="3" eb="4">
      <t>ウミ</t>
    </rPh>
    <rPh sb="4" eb="5">
      <t>ハマ</t>
    </rPh>
    <rPh sb="5" eb="7">
      <t>コウエン</t>
    </rPh>
    <rPh sb="7" eb="8">
      <t>クチ</t>
    </rPh>
    <phoneticPr fontId="3"/>
  </si>
  <si>
    <t>倉垣小杉口</t>
    <rPh sb="0" eb="1">
      <t>クラ</t>
    </rPh>
    <rPh sb="4" eb="5">
      <t>クチ</t>
    </rPh>
    <phoneticPr fontId="3"/>
  </si>
  <si>
    <t>加茂中部西</t>
    <rPh sb="0" eb="2">
      <t>カモ</t>
    </rPh>
    <rPh sb="2" eb="4">
      <t>チュウブ</t>
    </rPh>
    <rPh sb="4" eb="5">
      <t>ニシ</t>
    </rPh>
    <phoneticPr fontId="3"/>
  </si>
  <si>
    <t>加茂コミュニティ施設前</t>
    <rPh sb="0" eb="2">
      <t>カモ</t>
    </rPh>
    <rPh sb="8" eb="10">
      <t>シセツ</t>
    </rPh>
    <rPh sb="10" eb="11">
      <t>マエ</t>
    </rPh>
    <phoneticPr fontId="3"/>
  </si>
  <si>
    <t>海老江中町</t>
    <rPh sb="0" eb="3">
      <t>エビエ</t>
    </rPh>
    <rPh sb="3" eb="5">
      <t>ナカマチ</t>
    </rPh>
    <phoneticPr fontId="3"/>
  </si>
  <si>
    <t>加茂中部</t>
    <rPh sb="0" eb="2">
      <t>カモ</t>
    </rPh>
    <rPh sb="2" eb="4">
      <t>チュウブ</t>
    </rPh>
    <phoneticPr fontId="3"/>
  </si>
  <si>
    <t>県営住宅前</t>
    <rPh sb="0" eb="1">
      <t>ケン</t>
    </rPh>
    <rPh sb="2" eb="4">
      <t>ジュウタク</t>
    </rPh>
    <rPh sb="4" eb="5">
      <t>マエ</t>
    </rPh>
    <phoneticPr fontId="3"/>
  </si>
  <si>
    <t>いみず苑口</t>
    <rPh sb="3" eb="4">
      <t>エン</t>
    </rPh>
    <rPh sb="4" eb="5">
      <t>クチ</t>
    </rPh>
    <phoneticPr fontId="3"/>
  </si>
  <si>
    <t>七美幼稚園前</t>
    <rPh sb="0" eb="1">
      <t>シチ</t>
    </rPh>
    <rPh sb="1" eb="2">
      <t>ビ</t>
    </rPh>
    <rPh sb="2" eb="5">
      <t>ヨウチエン</t>
    </rPh>
    <rPh sb="5" eb="6">
      <t>マエ</t>
    </rPh>
    <phoneticPr fontId="3"/>
  </si>
  <si>
    <t>練合</t>
    <rPh sb="0" eb="1">
      <t>ネリ</t>
    </rPh>
    <rPh sb="1" eb="2">
      <t>ゴウ</t>
    </rPh>
    <phoneticPr fontId="3"/>
  </si>
  <si>
    <t>八島口</t>
    <rPh sb="0" eb="2">
      <t>ヤシマ</t>
    </rPh>
    <rPh sb="2" eb="3">
      <t>クチ</t>
    </rPh>
    <phoneticPr fontId="3"/>
  </si>
  <si>
    <t>練合東口</t>
    <rPh sb="0" eb="1">
      <t>ネ</t>
    </rPh>
    <rPh sb="1" eb="2">
      <t>ゴウ</t>
    </rPh>
    <rPh sb="2" eb="4">
      <t>ヒガシグチ</t>
    </rPh>
    <phoneticPr fontId="3"/>
  </si>
  <si>
    <t>サンビレッジ新湊前</t>
    <rPh sb="6" eb="7">
      <t>シン</t>
    </rPh>
    <rPh sb="7" eb="8">
      <t>ミナト</t>
    </rPh>
    <rPh sb="8" eb="9">
      <t>マエ</t>
    </rPh>
    <phoneticPr fontId="3"/>
  </si>
  <si>
    <t>本江コミュニティセンター前</t>
    <rPh sb="0" eb="2">
      <t>モトエ</t>
    </rPh>
    <rPh sb="12" eb="13">
      <t>マエ</t>
    </rPh>
    <phoneticPr fontId="3"/>
  </si>
  <si>
    <t>中新公民館前</t>
    <rPh sb="0" eb="2">
      <t>ナカシン</t>
    </rPh>
    <rPh sb="2" eb="5">
      <t>コウミンカン</t>
    </rPh>
    <rPh sb="5" eb="6">
      <t>マエ</t>
    </rPh>
    <phoneticPr fontId="3"/>
  </si>
  <si>
    <t>練合</t>
    <rPh sb="0" eb="1">
      <t>ネ</t>
    </rPh>
    <rPh sb="1" eb="2">
      <t>ゴウ</t>
    </rPh>
    <phoneticPr fontId="3"/>
  </si>
  <si>
    <t>富山高専口</t>
    <rPh sb="0" eb="2">
      <t>トヤマ</t>
    </rPh>
    <rPh sb="2" eb="4">
      <t>コウセン</t>
    </rPh>
    <rPh sb="4" eb="5">
      <t>クチ</t>
    </rPh>
    <phoneticPr fontId="3"/>
  </si>
  <si>
    <t>本江コニュニティセンター前</t>
    <rPh sb="0" eb="1">
      <t>ホン</t>
    </rPh>
    <rPh sb="1" eb="2">
      <t>エ</t>
    </rPh>
    <rPh sb="12" eb="13">
      <t>マエ</t>
    </rPh>
    <phoneticPr fontId="3"/>
  </si>
  <si>
    <t>16:30</t>
  </si>
  <si>
    <t>17:55</t>
  </si>
  <si>
    <t>いみず苑口</t>
    <rPh sb="3" eb="4">
      <t>ソノ</t>
    </rPh>
    <rPh sb="4" eb="5">
      <t>クチ</t>
    </rPh>
    <phoneticPr fontId="3"/>
  </si>
  <si>
    <t>加茂コニュニティ施設前</t>
    <rPh sb="0" eb="2">
      <t>カモ</t>
    </rPh>
    <rPh sb="8" eb="10">
      <t>シセツ</t>
    </rPh>
    <rPh sb="10" eb="11">
      <t>マエ</t>
    </rPh>
    <phoneticPr fontId="3"/>
  </si>
  <si>
    <t>7:39</t>
  </si>
  <si>
    <t>8:04</t>
  </si>
  <si>
    <t>16:48</t>
  </si>
  <si>
    <t>18:13</t>
  </si>
  <si>
    <t>新港東口</t>
    <rPh sb="0" eb="1">
      <t>シン</t>
    </rPh>
    <rPh sb="1" eb="2">
      <t>ミナト</t>
    </rPh>
    <rPh sb="2" eb="3">
      <t>ヒガシ</t>
    </rPh>
    <rPh sb="3" eb="4">
      <t>クチ</t>
    </rPh>
    <phoneticPr fontId="3"/>
  </si>
  <si>
    <t>表示の便は、土、日、祝日は運行しません。</t>
    <rPh sb="0" eb="2">
      <t>ヒョウジ</t>
    </rPh>
    <rPh sb="3" eb="4">
      <t>ビン</t>
    </rPh>
    <rPh sb="6" eb="7">
      <t>ド</t>
    </rPh>
    <rPh sb="8" eb="9">
      <t>ニチ</t>
    </rPh>
    <rPh sb="10" eb="12">
      <t>シュクジツ</t>
    </rPh>
    <rPh sb="13" eb="15">
      <t>ウンコウ</t>
    </rPh>
    <phoneticPr fontId="3"/>
  </si>
  <si>
    <t>表示の便は、土、日、祝日のみ運行します。</t>
    <rPh sb="0" eb="2">
      <t>ヒョウジ</t>
    </rPh>
    <rPh sb="3" eb="4">
      <t>ビン</t>
    </rPh>
    <rPh sb="6" eb="7">
      <t>ド</t>
    </rPh>
    <rPh sb="8" eb="9">
      <t>ニチ</t>
    </rPh>
    <rPh sb="10" eb="12">
      <t>シュクジツ</t>
    </rPh>
    <rPh sb="14" eb="16">
      <t>ウンコウ</t>
    </rPh>
    <phoneticPr fontId="3"/>
  </si>
  <si>
    <t>⑧大島・小杉経由大門線</t>
    <rPh sb="1" eb="3">
      <t>オオシマ</t>
    </rPh>
    <rPh sb="4" eb="6">
      <t>コスギ</t>
    </rPh>
    <rPh sb="6" eb="8">
      <t>ケイユ</t>
    </rPh>
    <rPh sb="8" eb="10">
      <t>ダイモン</t>
    </rPh>
    <rPh sb="10" eb="11">
      <t>セン</t>
    </rPh>
    <phoneticPr fontId="3"/>
  </si>
  <si>
    <t>大門中学校行き</t>
    <rPh sb="0" eb="2">
      <t>ダイモン</t>
    </rPh>
    <rPh sb="2" eb="5">
      <t>チュウガッコウ</t>
    </rPh>
    <rPh sb="5" eb="6">
      <t>ユ</t>
    </rPh>
    <phoneticPr fontId="3"/>
  </si>
  <si>
    <t>市役所行き</t>
    <rPh sb="0" eb="3">
      <t>シヤクショ</t>
    </rPh>
    <rPh sb="3" eb="4">
      <t>ユ</t>
    </rPh>
    <phoneticPr fontId="3"/>
  </si>
  <si>
    <t>越中大門駅</t>
    <rPh sb="0" eb="2">
      <t>エッチュウ</t>
    </rPh>
    <rPh sb="2" eb="4">
      <t>ダイモン</t>
    </rPh>
    <rPh sb="4" eb="5">
      <t>エキ</t>
    </rPh>
    <phoneticPr fontId="3"/>
  </si>
  <si>
    <t>田町公民館前</t>
    <rPh sb="0" eb="2">
      <t>タマチ</t>
    </rPh>
    <rPh sb="2" eb="4">
      <t>コウミン</t>
    </rPh>
    <rPh sb="4" eb="5">
      <t>カン</t>
    </rPh>
    <rPh sb="5" eb="6">
      <t>マエ</t>
    </rPh>
    <phoneticPr fontId="3"/>
  </si>
  <si>
    <t>大門中央</t>
    <rPh sb="0" eb="2">
      <t>ダイモン</t>
    </rPh>
    <rPh sb="2" eb="4">
      <t>チュウオウ</t>
    </rPh>
    <phoneticPr fontId="3"/>
  </si>
  <si>
    <t>本田</t>
    <rPh sb="0" eb="2">
      <t>ホンダ</t>
    </rPh>
    <phoneticPr fontId="3"/>
  </si>
  <si>
    <t>東洋紡前</t>
    <rPh sb="0" eb="2">
      <t>トウヨウ</t>
    </rPh>
    <rPh sb="3" eb="4">
      <t>マエ</t>
    </rPh>
    <phoneticPr fontId="3"/>
  </si>
  <si>
    <t>真生会富山病院前</t>
    <rPh sb="0" eb="1">
      <t>マ</t>
    </rPh>
    <rPh sb="1" eb="2">
      <t>イ</t>
    </rPh>
    <rPh sb="2" eb="3">
      <t>カイ</t>
    </rPh>
    <rPh sb="3" eb="5">
      <t>トヤマ</t>
    </rPh>
    <rPh sb="5" eb="7">
      <t>ビョウイン</t>
    </rPh>
    <rPh sb="7" eb="8">
      <t>マエ</t>
    </rPh>
    <phoneticPr fontId="3"/>
  </si>
  <si>
    <t>大門口</t>
    <rPh sb="0" eb="2">
      <t>ダイモン</t>
    </rPh>
    <rPh sb="2" eb="3">
      <t>クチ</t>
    </rPh>
    <phoneticPr fontId="3"/>
  </si>
  <si>
    <t>下条新</t>
    <rPh sb="0" eb="2">
      <t>ゲジョウ</t>
    </rPh>
    <rPh sb="2" eb="3">
      <t>シン</t>
    </rPh>
    <phoneticPr fontId="3"/>
  </si>
  <si>
    <t>大島北野公民館前</t>
    <rPh sb="0" eb="2">
      <t>オオシマ</t>
    </rPh>
    <rPh sb="2" eb="3">
      <t>キタ</t>
    </rPh>
    <rPh sb="3" eb="4">
      <t>ノ</t>
    </rPh>
    <rPh sb="4" eb="6">
      <t>コウミン</t>
    </rPh>
    <rPh sb="6" eb="7">
      <t>カン</t>
    </rPh>
    <rPh sb="7" eb="8">
      <t>マエ</t>
    </rPh>
    <phoneticPr fontId="3"/>
  </si>
  <si>
    <t>赤田</t>
    <rPh sb="0" eb="1">
      <t>アカ</t>
    </rPh>
    <rPh sb="1" eb="2">
      <t>タ</t>
    </rPh>
    <phoneticPr fontId="3"/>
  </si>
  <si>
    <t>若杉</t>
    <rPh sb="0" eb="2">
      <t>ワカスギ</t>
    </rPh>
    <phoneticPr fontId="3"/>
  </si>
  <si>
    <t>若杉公民館前</t>
    <rPh sb="0" eb="2">
      <t>ワカスギ</t>
    </rPh>
    <rPh sb="2" eb="4">
      <t>コウミン</t>
    </rPh>
    <rPh sb="4" eb="5">
      <t>カン</t>
    </rPh>
    <rPh sb="5" eb="6">
      <t>マエ</t>
    </rPh>
    <phoneticPr fontId="3"/>
  </si>
  <si>
    <t>中野</t>
    <rPh sb="0" eb="1">
      <t>ナカ</t>
    </rPh>
    <rPh sb="1" eb="2">
      <t>ノ</t>
    </rPh>
    <phoneticPr fontId="3"/>
  </si>
  <si>
    <t>中野北</t>
    <rPh sb="0" eb="1">
      <t>ナカ</t>
    </rPh>
    <rPh sb="1" eb="2">
      <t>ノ</t>
    </rPh>
    <rPh sb="2" eb="3">
      <t>キタ</t>
    </rPh>
    <phoneticPr fontId="3"/>
  </si>
  <si>
    <t>寺塚原公民館前</t>
    <rPh sb="0" eb="1">
      <t>テラ</t>
    </rPh>
    <rPh sb="1" eb="3">
      <t>ツカハラ</t>
    </rPh>
    <rPh sb="3" eb="5">
      <t>コウミン</t>
    </rPh>
    <rPh sb="5" eb="6">
      <t>カン</t>
    </rPh>
    <rPh sb="6" eb="7">
      <t>マエ</t>
    </rPh>
    <phoneticPr fontId="3"/>
  </si>
  <si>
    <t>今開発南</t>
    <rPh sb="0" eb="1">
      <t>イマ</t>
    </rPh>
    <rPh sb="1" eb="3">
      <t>カイホツ</t>
    </rPh>
    <rPh sb="3" eb="4">
      <t>ミナミ</t>
    </rPh>
    <phoneticPr fontId="3"/>
  </si>
  <si>
    <t>市役所前</t>
    <rPh sb="0" eb="3">
      <t>シヤクショ</t>
    </rPh>
    <rPh sb="3" eb="4">
      <t>マエ</t>
    </rPh>
    <phoneticPr fontId="3"/>
  </si>
  <si>
    <t>小島西</t>
    <rPh sb="0" eb="2">
      <t>コジマ</t>
    </rPh>
    <rPh sb="2" eb="3">
      <t>ニシ</t>
    </rPh>
    <phoneticPr fontId="3"/>
  </si>
  <si>
    <t>-</t>
    <phoneticPr fontId="3"/>
  </si>
  <si>
    <t>大島分庁舎前</t>
    <rPh sb="0" eb="1">
      <t>オオ</t>
    </rPh>
    <rPh sb="1" eb="2">
      <t>シマ</t>
    </rPh>
    <rPh sb="2" eb="5">
      <t>ブンチョウシャ</t>
    </rPh>
    <rPh sb="5" eb="6">
      <t>マエ</t>
    </rPh>
    <phoneticPr fontId="3"/>
  </si>
  <si>
    <t>赤井市営住宅口</t>
    <rPh sb="0" eb="1">
      <t>アカ</t>
    </rPh>
    <rPh sb="2" eb="4">
      <t>シエイ</t>
    </rPh>
    <rPh sb="4" eb="6">
      <t>ジュウタク</t>
    </rPh>
    <rPh sb="6" eb="7">
      <t>クチ</t>
    </rPh>
    <phoneticPr fontId="3"/>
  </si>
  <si>
    <t>いみず野ショッピングタウン前</t>
    <rPh sb="3" eb="4">
      <t>ノ</t>
    </rPh>
    <rPh sb="13" eb="14">
      <t>マエ</t>
    </rPh>
    <phoneticPr fontId="3"/>
  </si>
  <si>
    <t>⑨浅井・大門経由小杉駅線</t>
    <rPh sb="1" eb="3">
      <t>アサイ</t>
    </rPh>
    <rPh sb="4" eb="6">
      <t>ダイモン</t>
    </rPh>
    <rPh sb="6" eb="8">
      <t>ケイユ</t>
    </rPh>
    <rPh sb="8" eb="11">
      <t>コスギエキ</t>
    </rPh>
    <rPh sb="11" eb="12">
      <t>セン</t>
    </rPh>
    <phoneticPr fontId="3"/>
  </si>
  <si>
    <t>大　門　高　校　行　き</t>
    <rPh sb="0" eb="1">
      <t>ダイ</t>
    </rPh>
    <rPh sb="2" eb="3">
      <t>モン</t>
    </rPh>
    <rPh sb="4" eb="5">
      <t>タカ</t>
    </rPh>
    <rPh sb="6" eb="7">
      <t>コウ</t>
    </rPh>
    <rPh sb="8" eb="9">
      <t>イキ</t>
    </rPh>
    <phoneticPr fontId="3"/>
  </si>
  <si>
    <t>コミュニティセントー行き</t>
    <rPh sb="10" eb="11">
      <t>イキ</t>
    </rPh>
    <phoneticPr fontId="3"/>
  </si>
  <si>
    <t>牧田</t>
    <rPh sb="0" eb="2">
      <t>マキタ</t>
    </rPh>
    <phoneticPr fontId="3"/>
  </si>
  <si>
    <t>-</t>
    <phoneticPr fontId="3"/>
  </si>
  <si>
    <t>串田本村北</t>
    <rPh sb="0" eb="1">
      <t>クシ</t>
    </rPh>
    <rPh sb="1" eb="2">
      <t>タ</t>
    </rPh>
    <rPh sb="2" eb="4">
      <t>ホンソン</t>
    </rPh>
    <rPh sb="4" eb="5">
      <t>キタ</t>
    </rPh>
    <phoneticPr fontId="3"/>
  </si>
  <si>
    <t>串田本村</t>
    <rPh sb="0" eb="1">
      <t>クシ</t>
    </rPh>
    <rPh sb="1" eb="2">
      <t>タ</t>
    </rPh>
    <rPh sb="2" eb="4">
      <t>ホンソン</t>
    </rPh>
    <phoneticPr fontId="3"/>
  </si>
  <si>
    <t>西村構造改善センター前</t>
    <rPh sb="0" eb="2">
      <t>ニシムラ</t>
    </rPh>
    <rPh sb="2" eb="4">
      <t>コウゾウ</t>
    </rPh>
    <rPh sb="4" eb="6">
      <t>カイゼン</t>
    </rPh>
    <rPh sb="10" eb="11">
      <t>マエ</t>
    </rPh>
    <phoneticPr fontId="3"/>
  </si>
  <si>
    <t>西広上</t>
    <rPh sb="0" eb="1">
      <t>ニシ</t>
    </rPh>
    <rPh sb="1" eb="3">
      <t>ヒロカミ</t>
    </rPh>
    <phoneticPr fontId="3"/>
  </si>
  <si>
    <t>広上構造改善センター前</t>
    <rPh sb="0" eb="2">
      <t>ヒロカミ</t>
    </rPh>
    <rPh sb="2" eb="4">
      <t>コウゾウ</t>
    </rPh>
    <rPh sb="4" eb="6">
      <t>カイゼン</t>
    </rPh>
    <rPh sb="10" eb="11">
      <t>マエ</t>
    </rPh>
    <phoneticPr fontId="3"/>
  </si>
  <si>
    <t>ほたる野ヴィレッジ</t>
    <rPh sb="3" eb="4">
      <t>ノ</t>
    </rPh>
    <phoneticPr fontId="3"/>
  </si>
  <si>
    <t>ほたる野ヴィレッジ北</t>
    <rPh sb="3" eb="4">
      <t>ノ</t>
    </rPh>
    <rPh sb="9" eb="10">
      <t>キタ</t>
    </rPh>
    <phoneticPr fontId="3"/>
  </si>
  <si>
    <t>上条団地公民館前</t>
    <rPh sb="0" eb="1">
      <t>ウエ</t>
    </rPh>
    <rPh sb="1" eb="2">
      <t>ジョウ</t>
    </rPh>
    <rPh sb="2" eb="4">
      <t>ダンチ</t>
    </rPh>
    <rPh sb="4" eb="7">
      <t>コウミンカン</t>
    </rPh>
    <rPh sb="7" eb="8">
      <t>マエ</t>
    </rPh>
    <phoneticPr fontId="3"/>
  </si>
  <si>
    <t>↓</t>
    <phoneticPr fontId="3"/>
  </si>
  <si>
    <t>安吉公民館口</t>
    <rPh sb="0" eb="2">
      <t>ヤスキチ</t>
    </rPh>
    <rPh sb="2" eb="4">
      <t>コウミン</t>
    </rPh>
    <rPh sb="4" eb="5">
      <t>カン</t>
    </rPh>
    <rPh sb="5" eb="6">
      <t>クチ</t>
    </rPh>
    <phoneticPr fontId="3"/>
  </si>
  <si>
    <t>小泉口</t>
    <rPh sb="0" eb="2">
      <t>コイズミ</t>
    </rPh>
    <rPh sb="2" eb="3">
      <t>クチ</t>
    </rPh>
    <phoneticPr fontId="3"/>
  </si>
  <si>
    <t>棚田公民館前</t>
    <rPh sb="0" eb="2">
      <t>タナダ</t>
    </rPh>
    <rPh sb="2" eb="4">
      <t>コウミン</t>
    </rPh>
    <rPh sb="4" eb="5">
      <t>カン</t>
    </rPh>
    <rPh sb="5" eb="6">
      <t>マエ</t>
    </rPh>
    <phoneticPr fontId="3"/>
  </si>
  <si>
    <t>浅井コミュニティセンター口</t>
    <rPh sb="0" eb="2">
      <t>アサイ</t>
    </rPh>
    <rPh sb="12" eb="13">
      <t>クチ</t>
    </rPh>
    <phoneticPr fontId="3"/>
  </si>
  <si>
    <t>土合南</t>
    <rPh sb="0" eb="2">
      <t>ドアイ</t>
    </rPh>
    <rPh sb="2" eb="3">
      <t>ミナミ</t>
    </rPh>
    <phoneticPr fontId="3"/>
  </si>
  <si>
    <t>土合公民館前</t>
    <rPh sb="0" eb="2">
      <t>ドアイ</t>
    </rPh>
    <rPh sb="2" eb="5">
      <t>コウミンカン</t>
    </rPh>
    <rPh sb="5" eb="6">
      <t>マエ</t>
    </rPh>
    <phoneticPr fontId="3"/>
  </si>
  <si>
    <t>ＪＡいみず野前</t>
    <rPh sb="5" eb="6">
      <t>ノ</t>
    </rPh>
    <rPh sb="6" eb="7">
      <t>マエ</t>
    </rPh>
    <phoneticPr fontId="3"/>
  </si>
  <si>
    <t>土合</t>
    <rPh sb="0" eb="2">
      <t>ドアイ</t>
    </rPh>
    <phoneticPr fontId="3"/>
  </si>
  <si>
    <t>↓</t>
    <phoneticPr fontId="3"/>
  </si>
  <si>
    <t>二口自治会公民館前</t>
    <rPh sb="0" eb="2">
      <t>フタクチ</t>
    </rPh>
    <rPh sb="2" eb="5">
      <t>ジチカイ</t>
    </rPh>
    <rPh sb="5" eb="8">
      <t>コウミンカン</t>
    </rPh>
    <rPh sb="8" eb="9">
      <t>マエ</t>
    </rPh>
    <phoneticPr fontId="3"/>
  </si>
  <si>
    <t>大門中町</t>
    <rPh sb="0" eb="2">
      <t>ダイモン</t>
    </rPh>
    <rPh sb="2" eb="3">
      <t>ナカ</t>
    </rPh>
    <rPh sb="3" eb="4">
      <t>マチ</t>
    </rPh>
    <phoneticPr fontId="3"/>
  </si>
  <si>
    <t>大門錦町中</t>
    <rPh sb="0" eb="2">
      <t>ダイモン</t>
    </rPh>
    <rPh sb="2" eb="3">
      <t>ニシキ</t>
    </rPh>
    <rPh sb="3" eb="4">
      <t>マチ</t>
    </rPh>
    <rPh sb="4" eb="5">
      <t>ナカ</t>
    </rPh>
    <phoneticPr fontId="3"/>
  </si>
  <si>
    <t>-</t>
    <phoneticPr fontId="3"/>
  </si>
  <si>
    <t>土合北部</t>
    <rPh sb="0" eb="2">
      <t>ドアイ</t>
    </rPh>
    <rPh sb="2" eb="4">
      <t>ホクブ</t>
    </rPh>
    <phoneticPr fontId="3"/>
  </si>
  <si>
    <t>土合北部公民館前</t>
    <rPh sb="0" eb="2">
      <t>ドアイ</t>
    </rPh>
    <rPh sb="2" eb="4">
      <t>ホクブ</t>
    </rPh>
    <rPh sb="4" eb="6">
      <t>コウミン</t>
    </rPh>
    <rPh sb="6" eb="7">
      <t>カン</t>
    </rPh>
    <rPh sb="7" eb="8">
      <t>マエ</t>
    </rPh>
    <phoneticPr fontId="3"/>
  </si>
  <si>
    <t>土合公民館前</t>
    <rPh sb="0" eb="2">
      <t>ドアイ</t>
    </rPh>
    <rPh sb="2" eb="4">
      <t>コウミン</t>
    </rPh>
    <rPh sb="4" eb="5">
      <t>カン</t>
    </rPh>
    <rPh sb="5" eb="6">
      <t>マエ</t>
    </rPh>
    <phoneticPr fontId="3"/>
  </si>
  <si>
    <t>上条</t>
    <rPh sb="0" eb="1">
      <t>ウエ</t>
    </rPh>
    <rPh sb="1" eb="2">
      <t>ジョウ</t>
    </rPh>
    <phoneticPr fontId="3"/>
  </si>
  <si>
    <t>上条団地公民館前</t>
    <rPh sb="0" eb="1">
      <t>ウエ</t>
    </rPh>
    <rPh sb="1" eb="2">
      <t>ジョウ</t>
    </rPh>
    <rPh sb="2" eb="4">
      <t>ダンチ</t>
    </rPh>
    <rPh sb="4" eb="6">
      <t>コウミン</t>
    </rPh>
    <rPh sb="6" eb="7">
      <t>カン</t>
    </rPh>
    <rPh sb="7" eb="8">
      <t>マエ</t>
    </rPh>
    <phoneticPr fontId="3"/>
  </si>
  <si>
    <t>小泉</t>
    <rPh sb="0" eb="2">
      <t>コイズミ</t>
    </rPh>
    <phoneticPr fontId="3"/>
  </si>
  <si>
    <t>⑩櫛田・大門経由小杉駅線</t>
    <rPh sb="1" eb="2">
      <t>クシ</t>
    </rPh>
    <rPh sb="2" eb="3">
      <t>タ</t>
    </rPh>
    <rPh sb="4" eb="6">
      <t>ダイモン</t>
    </rPh>
    <rPh sb="6" eb="8">
      <t>ケイユ</t>
    </rPh>
    <rPh sb="8" eb="10">
      <t>コスギ</t>
    </rPh>
    <rPh sb="10" eb="11">
      <t>エキ</t>
    </rPh>
    <rPh sb="11" eb="12">
      <t>セン</t>
    </rPh>
    <phoneticPr fontId="3"/>
  </si>
  <si>
    <t>大門高校行き</t>
    <rPh sb="0" eb="2">
      <t>ダイモン</t>
    </rPh>
    <rPh sb="2" eb="4">
      <t>コウコウ</t>
    </rPh>
    <rPh sb="4" eb="5">
      <t>イキ</t>
    </rPh>
    <phoneticPr fontId="3"/>
  </si>
  <si>
    <t>松原公民館前</t>
    <rPh sb="0" eb="2">
      <t>マツバラ</t>
    </rPh>
    <rPh sb="2" eb="4">
      <t>コウミン</t>
    </rPh>
    <rPh sb="4" eb="5">
      <t>カン</t>
    </rPh>
    <rPh sb="5" eb="6">
      <t>マエ</t>
    </rPh>
    <phoneticPr fontId="3"/>
  </si>
  <si>
    <t>弓の清水</t>
    <rPh sb="0" eb="1">
      <t>ユミ</t>
    </rPh>
    <rPh sb="2" eb="4">
      <t>シミズ</t>
    </rPh>
    <phoneticPr fontId="3"/>
  </si>
  <si>
    <t>新田公民館前</t>
    <rPh sb="0" eb="2">
      <t>シンデン</t>
    </rPh>
    <rPh sb="2" eb="5">
      <t>コウミンカン</t>
    </rPh>
    <rPh sb="5" eb="6">
      <t>マエ</t>
    </rPh>
    <phoneticPr fontId="3"/>
  </si>
  <si>
    <t>大久保公民館前</t>
    <rPh sb="0" eb="3">
      <t>オオクボ</t>
    </rPh>
    <rPh sb="3" eb="6">
      <t>コウミンカン</t>
    </rPh>
    <rPh sb="6" eb="7">
      <t>マエ</t>
    </rPh>
    <phoneticPr fontId="3"/>
  </si>
  <si>
    <t>竹原構造改善センター前</t>
    <rPh sb="0" eb="2">
      <t>タケハラ</t>
    </rPh>
    <rPh sb="2" eb="4">
      <t>コウゾウ</t>
    </rPh>
    <rPh sb="4" eb="6">
      <t>カイゼン</t>
    </rPh>
    <rPh sb="10" eb="11">
      <t>マエ</t>
    </rPh>
    <phoneticPr fontId="3"/>
  </si>
  <si>
    <t>-</t>
    <phoneticPr fontId="3"/>
  </si>
  <si>
    <t>梅ノ木公民館前</t>
    <rPh sb="0" eb="1">
      <t>ウメ</t>
    </rPh>
    <rPh sb="2" eb="3">
      <t>キ</t>
    </rPh>
    <rPh sb="3" eb="6">
      <t>コウミンカン</t>
    </rPh>
    <rPh sb="6" eb="7">
      <t>マエ</t>
    </rPh>
    <phoneticPr fontId="3"/>
  </si>
  <si>
    <t>山ノ谷</t>
    <rPh sb="0" eb="1">
      <t>ヤマ</t>
    </rPh>
    <rPh sb="2" eb="3">
      <t>タニ</t>
    </rPh>
    <phoneticPr fontId="3"/>
  </si>
  <si>
    <t>宮新田</t>
    <rPh sb="0" eb="1">
      <t>ミヤ</t>
    </rPh>
    <rPh sb="1" eb="3">
      <t>シンデン</t>
    </rPh>
    <phoneticPr fontId="3"/>
  </si>
  <si>
    <t>-</t>
    <phoneticPr fontId="3"/>
  </si>
  <si>
    <t>櫛田</t>
    <rPh sb="0" eb="1">
      <t>クシ</t>
    </rPh>
    <rPh sb="1" eb="2">
      <t>タ</t>
    </rPh>
    <phoneticPr fontId="3"/>
  </si>
  <si>
    <t>大門高校前（第２便は大門高校）</t>
    <rPh sb="0" eb="2">
      <t>ダイモン</t>
    </rPh>
    <rPh sb="2" eb="4">
      <t>コウコウ</t>
    </rPh>
    <rPh sb="4" eb="5">
      <t>マエ</t>
    </rPh>
    <rPh sb="6" eb="7">
      <t>ダイ</t>
    </rPh>
    <rPh sb="8" eb="9">
      <t>ビン</t>
    </rPh>
    <rPh sb="10" eb="12">
      <t>ダイモン</t>
    </rPh>
    <rPh sb="12" eb="14">
      <t>コウコウ</t>
    </rPh>
    <phoneticPr fontId="3"/>
  </si>
  <si>
    <t>南荒町</t>
    <rPh sb="0" eb="1">
      <t>ミナミ</t>
    </rPh>
    <rPh sb="1" eb="3">
      <t>アラマチ</t>
    </rPh>
    <phoneticPr fontId="3"/>
  </si>
  <si>
    <t>北荒町</t>
    <rPh sb="0" eb="1">
      <t>キタ</t>
    </rPh>
    <rPh sb="1" eb="3">
      <t>アラマチ</t>
    </rPh>
    <phoneticPr fontId="3"/>
  </si>
  <si>
    <t>パークゴルフ南郷前</t>
    <rPh sb="6" eb="8">
      <t>ナンゴウ</t>
    </rPh>
    <rPh sb="8" eb="9">
      <t>マエ</t>
    </rPh>
    <phoneticPr fontId="3"/>
  </si>
  <si>
    <t>生源寺</t>
    <rPh sb="0" eb="1">
      <t>イ</t>
    </rPh>
    <rPh sb="1" eb="2">
      <t>ミナモト</t>
    </rPh>
    <rPh sb="2" eb="3">
      <t>テラ</t>
    </rPh>
    <phoneticPr fontId="3"/>
  </si>
  <si>
    <t>円池口</t>
    <rPh sb="0" eb="1">
      <t>エン</t>
    </rPh>
    <rPh sb="1" eb="2">
      <t>イケ</t>
    </rPh>
    <rPh sb="2" eb="3">
      <t>クチ</t>
    </rPh>
    <phoneticPr fontId="3"/>
  </si>
  <si>
    <t>布目沢集会所前</t>
    <rPh sb="0" eb="2">
      <t>ヌノメ</t>
    </rPh>
    <rPh sb="2" eb="3">
      <t>サワ</t>
    </rPh>
    <rPh sb="3" eb="6">
      <t>シュウカイショ</t>
    </rPh>
    <rPh sb="6" eb="7">
      <t>マエ</t>
    </rPh>
    <phoneticPr fontId="3"/>
  </si>
  <si>
    <t>大門総合会館前</t>
    <rPh sb="0" eb="2">
      <t>ダイモン</t>
    </rPh>
    <rPh sb="2" eb="4">
      <t>ソウゴウ</t>
    </rPh>
    <rPh sb="4" eb="6">
      <t>カイカン</t>
    </rPh>
    <rPh sb="6" eb="7">
      <t>マエ</t>
    </rPh>
    <phoneticPr fontId="3"/>
  </si>
  <si>
    <t>大門旭町</t>
    <rPh sb="0" eb="2">
      <t>ダイモン</t>
    </rPh>
    <rPh sb="2" eb="3">
      <t>アサヒ</t>
    </rPh>
    <rPh sb="3" eb="4">
      <t>マチ</t>
    </rPh>
    <phoneticPr fontId="3"/>
  </si>
  <si>
    <t>堀内南</t>
    <rPh sb="0" eb="2">
      <t>ホリウチ</t>
    </rPh>
    <rPh sb="2" eb="3">
      <t>ミナミ</t>
    </rPh>
    <phoneticPr fontId="3"/>
  </si>
  <si>
    <t>大門栄町</t>
    <rPh sb="0" eb="2">
      <t>ダイモン</t>
    </rPh>
    <rPh sb="2" eb="3">
      <t>サカエ</t>
    </rPh>
    <rPh sb="3" eb="4">
      <t>マチ</t>
    </rPh>
    <phoneticPr fontId="3"/>
  </si>
  <si>
    <t>堀内</t>
    <rPh sb="0" eb="2">
      <t>ホリウチ</t>
    </rPh>
    <phoneticPr fontId="3"/>
  </si>
  <si>
    <t>二口</t>
    <rPh sb="0" eb="2">
      <t>フタクチ</t>
    </rPh>
    <phoneticPr fontId="3"/>
  </si>
  <si>
    <t>下条構造改善センター前</t>
    <rPh sb="0" eb="2">
      <t>ゲジョウ</t>
    </rPh>
    <rPh sb="2" eb="4">
      <t>コウゾウ</t>
    </rPh>
    <rPh sb="4" eb="6">
      <t>カイゼン</t>
    </rPh>
    <rPh sb="10" eb="11">
      <t>マエ</t>
    </rPh>
    <phoneticPr fontId="3"/>
  </si>
  <si>
    <t>大門地区センター前</t>
    <rPh sb="0" eb="2">
      <t>ダイモン</t>
    </rPh>
    <rPh sb="2" eb="4">
      <t>チク</t>
    </rPh>
    <rPh sb="8" eb="9">
      <t>マエ</t>
    </rPh>
    <phoneticPr fontId="3"/>
  </si>
  <si>
    <t>布目沢集会所前</t>
    <rPh sb="0" eb="1">
      <t>ヌノ</t>
    </rPh>
    <rPh sb="1" eb="2">
      <t>メ</t>
    </rPh>
    <rPh sb="2" eb="3">
      <t>サワ</t>
    </rPh>
    <rPh sb="3" eb="6">
      <t>シュウカイショ</t>
    </rPh>
    <rPh sb="6" eb="7">
      <t>マエ</t>
    </rPh>
    <phoneticPr fontId="3"/>
  </si>
  <si>
    <t>布目沢</t>
    <rPh sb="0" eb="1">
      <t>ヌノ</t>
    </rPh>
    <rPh sb="1" eb="2">
      <t>メ</t>
    </rPh>
    <rPh sb="2" eb="3">
      <t>サワ</t>
    </rPh>
    <phoneticPr fontId="3"/>
  </si>
  <si>
    <r>
      <t>⑫小杉駅・金山線</t>
    </r>
    <r>
      <rPr>
        <sz val="20"/>
        <rFont val="ＭＳ Ｐゴシック"/>
        <family val="3"/>
        <charset val="128"/>
      </rPr>
      <t xml:space="preserve">                                   </t>
    </r>
    <phoneticPr fontId="3"/>
  </si>
  <si>
    <t>金山・太閤山経由小杉駅南口行き（小杉駅南口→金山→太閤山→小杉駅南口）</t>
    <rPh sb="0" eb="2">
      <t>カナヤマ</t>
    </rPh>
    <rPh sb="3" eb="5">
      <t>タイコウ</t>
    </rPh>
    <rPh sb="5" eb="6">
      <t>ヤマ</t>
    </rPh>
    <rPh sb="6" eb="8">
      <t>ケイユ</t>
    </rPh>
    <rPh sb="8" eb="11">
      <t>コスギエキ</t>
    </rPh>
    <rPh sb="11" eb="13">
      <t>ミナミグチ</t>
    </rPh>
    <rPh sb="13" eb="14">
      <t>イ</t>
    </rPh>
    <rPh sb="16" eb="19">
      <t>コスギエキ</t>
    </rPh>
    <rPh sb="19" eb="21">
      <t>ミナミグチ</t>
    </rPh>
    <rPh sb="22" eb="24">
      <t>カナヤマ</t>
    </rPh>
    <rPh sb="25" eb="27">
      <t>タイコウ</t>
    </rPh>
    <rPh sb="27" eb="28">
      <t>ヤマ</t>
    </rPh>
    <rPh sb="29" eb="32">
      <t>コスギエキ</t>
    </rPh>
    <rPh sb="32" eb="34">
      <t>ミナミグチ</t>
    </rPh>
    <phoneticPr fontId="3"/>
  </si>
  <si>
    <t>太閤山・金山経由小杉駅南口行き（小杉駅南口→太閤山→金山→小杉駅南口）</t>
    <rPh sb="0" eb="2">
      <t>タイコウ</t>
    </rPh>
    <rPh sb="2" eb="3">
      <t>ヤマ</t>
    </rPh>
    <rPh sb="4" eb="6">
      <t>カナヤマ</t>
    </rPh>
    <rPh sb="6" eb="8">
      <t>ケイユ</t>
    </rPh>
    <rPh sb="8" eb="11">
      <t>コスギエキ</t>
    </rPh>
    <rPh sb="11" eb="13">
      <t>ミナミグチ</t>
    </rPh>
    <rPh sb="13" eb="14">
      <t>イ</t>
    </rPh>
    <rPh sb="22" eb="24">
      <t>タイコウ</t>
    </rPh>
    <rPh sb="24" eb="25">
      <t>ヤマ</t>
    </rPh>
    <rPh sb="26" eb="28">
      <t>カナヤマ</t>
    </rPh>
    <phoneticPr fontId="3"/>
  </si>
  <si>
    <t>一番町南</t>
    <rPh sb="0" eb="2">
      <t>イチバン</t>
    </rPh>
    <rPh sb="2" eb="3">
      <t>マチ</t>
    </rPh>
    <rPh sb="3" eb="4">
      <t>ミナミ</t>
    </rPh>
    <phoneticPr fontId="3"/>
  </si>
  <si>
    <t>伊勢領</t>
    <rPh sb="0" eb="2">
      <t>イセ</t>
    </rPh>
    <rPh sb="2" eb="3">
      <t>リョウ</t>
    </rPh>
    <phoneticPr fontId="3"/>
  </si>
  <si>
    <t>橋下条コミュニティセンター前</t>
    <rPh sb="0" eb="1">
      <t>ハシ</t>
    </rPh>
    <rPh sb="1" eb="2">
      <t>ゲ</t>
    </rPh>
    <rPh sb="2" eb="3">
      <t>ジョウ</t>
    </rPh>
    <rPh sb="13" eb="14">
      <t>マエ</t>
    </rPh>
    <phoneticPr fontId="3"/>
  </si>
  <si>
    <t>五歩一</t>
    <rPh sb="0" eb="1">
      <t>ゴ</t>
    </rPh>
    <rPh sb="1" eb="2">
      <t>フ</t>
    </rPh>
    <rPh sb="2" eb="3">
      <t>イチ</t>
    </rPh>
    <phoneticPr fontId="3"/>
  </si>
  <si>
    <t>宿屋</t>
    <rPh sb="0" eb="1">
      <t>シュク</t>
    </rPh>
    <rPh sb="1" eb="2">
      <t>ヤ</t>
    </rPh>
    <phoneticPr fontId="3"/>
  </si>
  <si>
    <t>太閤山ランド前</t>
    <rPh sb="0" eb="2">
      <t>タイコウ</t>
    </rPh>
    <rPh sb="2" eb="3">
      <t>ヤマ</t>
    </rPh>
    <rPh sb="6" eb="7">
      <t>マエ</t>
    </rPh>
    <phoneticPr fontId="3"/>
  </si>
  <si>
    <t>青井谷公民館前</t>
    <rPh sb="0" eb="1">
      <t>アオ</t>
    </rPh>
    <rPh sb="1" eb="2">
      <t>イ</t>
    </rPh>
    <rPh sb="2" eb="3">
      <t>タニ</t>
    </rPh>
    <rPh sb="3" eb="6">
      <t>コウミンカン</t>
    </rPh>
    <rPh sb="6" eb="7">
      <t>マエ</t>
    </rPh>
    <phoneticPr fontId="3"/>
  </si>
  <si>
    <t>金山小学校前</t>
    <rPh sb="0" eb="2">
      <t>カナヤマ</t>
    </rPh>
    <rPh sb="2" eb="5">
      <t>ショウガッコウ</t>
    </rPh>
    <rPh sb="5" eb="6">
      <t>マエ</t>
    </rPh>
    <phoneticPr fontId="3"/>
  </si>
  <si>
    <t>中太閤山小学校前</t>
    <rPh sb="0" eb="1">
      <t>ナカ</t>
    </rPh>
    <rPh sb="1" eb="3">
      <t>タイコウ</t>
    </rPh>
    <rPh sb="3" eb="4">
      <t>ヤマ</t>
    </rPh>
    <rPh sb="4" eb="7">
      <t>ショウガッコウ</t>
    </rPh>
    <rPh sb="7" eb="8">
      <t>マエ</t>
    </rPh>
    <phoneticPr fontId="3"/>
  </si>
  <si>
    <t>新屋敷</t>
    <rPh sb="0" eb="1">
      <t>シン</t>
    </rPh>
    <rPh sb="1" eb="3">
      <t>ヤシキ</t>
    </rPh>
    <phoneticPr fontId="3"/>
  </si>
  <si>
    <t>小杉南中学校前</t>
    <rPh sb="0" eb="2">
      <t>コスギ</t>
    </rPh>
    <rPh sb="2" eb="3">
      <t>ミナミ</t>
    </rPh>
    <rPh sb="3" eb="6">
      <t>チュウガッコウ</t>
    </rPh>
    <rPh sb="6" eb="7">
      <t>マエ</t>
    </rPh>
    <phoneticPr fontId="3"/>
  </si>
  <si>
    <t>三野</t>
    <rPh sb="0" eb="1">
      <t>サン</t>
    </rPh>
    <rPh sb="1" eb="2">
      <t>ノ</t>
    </rPh>
    <phoneticPr fontId="3"/>
  </si>
  <si>
    <t>天池公園前</t>
    <rPh sb="0" eb="1">
      <t>テン</t>
    </rPh>
    <rPh sb="1" eb="2">
      <t>イケ</t>
    </rPh>
    <rPh sb="2" eb="4">
      <t>コウエン</t>
    </rPh>
    <rPh sb="4" eb="5">
      <t>マエ</t>
    </rPh>
    <phoneticPr fontId="3"/>
  </si>
  <si>
    <t>野手</t>
    <rPh sb="0" eb="1">
      <t>ノ</t>
    </rPh>
    <rPh sb="1" eb="2">
      <t>テ</t>
    </rPh>
    <phoneticPr fontId="3"/>
  </si>
  <si>
    <t>南太閤山12丁目</t>
    <rPh sb="0" eb="1">
      <t>ミナミ</t>
    </rPh>
    <rPh sb="1" eb="3">
      <t>タイコウ</t>
    </rPh>
    <rPh sb="3" eb="4">
      <t>ヤマ</t>
    </rPh>
    <rPh sb="6" eb="8">
      <t>チョウメ</t>
    </rPh>
    <phoneticPr fontId="3"/>
  </si>
  <si>
    <t>水上谷口</t>
    <rPh sb="0" eb="2">
      <t>ミズカミ</t>
    </rPh>
    <rPh sb="2" eb="3">
      <t>タニ</t>
    </rPh>
    <rPh sb="3" eb="4">
      <t>クチ</t>
    </rPh>
    <phoneticPr fontId="3"/>
  </si>
  <si>
    <t>小杉ふれあいセンター</t>
    <rPh sb="0" eb="2">
      <t>コスギ</t>
    </rPh>
    <phoneticPr fontId="3"/>
  </si>
  <si>
    <t>五官野</t>
    <rPh sb="0" eb="1">
      <t>ゴ</t>
    </rPh>
    <rPh sb="1" eb="2">
      <t>カン</t>
    </rPh>
    <rPh sb="2" eb="3">
      <t>ノ</t>
    </rPh>
    <phoneticPr fontId="3"/>
  </si>
  <si>
    <t>上野</t>
    <rPh sb="0" eb="2">
      <t>ウエノ</t>
    </rPh>
    <phoneticPr fontId="3"/>
  </si>
  <si>
    <t>石畑池前</t>
    <rPh sb="0" eb="1">
      <t>イシ</t>
    </rPh>
    <rPh sb="1" eb="2">
      <t>ハタケ</t>
    </rPh>
    <rPh sb="2" eb="3">
      <t>イケ</t>
    </rPh>
    <rPh sb="3" eb="4">
      <t>マエ</t>
    </rPh>
    <phoneticPr fontId="3"/>
  </si>
  <si>
    <t>上野南</t>
    <rPh sb="0" eb="2">
      <t>ウエノ</t>
    </rPh>
    <rPh sb="2" eb="3">
      <t>ミナミ</t>
    </rPh>
    <phoneticPr fontId="3"/>
  </si>
  <si>
    <t>浄土寺公民館前</t>
    <rPh sb="0" eb="2">
      <t>ジョウド</t>
    </rPh>
    <rPh sb="2" eb="3">
      <t>テラ</t>
    </rPh>
    <rPh sb="3" eb="6">
      <t>コウミンカン</t>
    </rPh>
    <rPh sb="6" eb="7">
      <t>マエ</t>
    </rPh>
    <phoneticPr fontId="3"/>
  </si>
  <si>
    <t>林寺</t>
    <rPh sb="0" eb="1">
      <t>ハヤシ</t>
    </rPh>
    <rPh sb="1" eb="2">
      <t>テラ</t>
    </rPh>
    <phoneticPr fontId="3"/>
  </si>
  <si>
    <t>上浄土寺</t>
    <rPh sb="0" eb="1">
      <t>ウエ</t>
    </rPh>
    <rPh sb="1" eb="3">
      <t>ジョウド</t>
    </rPh>
    <rPh sb="3" eb="4">
      <t>テラ</t>
    </rPh>
    <phoneticPr fontId="3"/>
  </si>
  <si>
    <t>上浄土寺</t>
    <rPh sb="0" eb="1">
      <t>ジョウ</t>
    </rPh>
    <rPh sb="1" eb="3">
      <t>ジョウド</t>
    </rPh>
    <rPh sb="3" eb="4">
      <t>テラ</t>
    </rPh>
    <phoneticPr fontId="3"/>
  </si>
  <si>
    <t>小杉カントリー口</t>
    <rPh sb="0" eb="2">
      <t>コスギ</t>
    </rPh>
    <rPh sb="7" eb="8">
      <t>クチ</t>
    </rPh>
    <phoneticPr fontId="3"/>
  </si>
  <si>
    <t xml:space="preserve">⑬小杉地区循環線 </t>
    <phoneticPr fontId="3"/>
  </si>
  <si>
    <t>左　　　　　回　　　　　り</t>
    <rPh sb="0" eb="1">
      <t>ヒダリ</t>
    </rPh>
    <rPh sb="6" eb="7">
      <t>マワ</t>
    </rPh>
    <phoneticPr fontId="3"/>
  </si>
  <si>
    <t>右　　　　　回　　　　　り</t>
    <rPh sb="0" eb="1">
      <t>ミギ</t>
    </rPh>
    <rPh sb="6" eb="7">
      <t>マワ</t>
    </rPh>
    <phoneticPr fontId="3"/>
  </si>
  <si>
    <t>-</t>
    <phoneticPr fontId="21"/>
  </si>
  <si>
    <t>小杉高校前</t>
    <rPh sb="0" eb="2">
      <t>コスギ</t>
    </rPh>
    <rPh sb="2" eb="4">
      <t>コウコウ</t>
    </rPh>
    <rPh sb="4" eb="5">
      <t>マエ</t>
    </rPh>
    <phoneticPr fontId="3"/>
  </si>
  <si>
    <t>兜山公園前</t>
    <rPh sb="0" eb="1">
      <t>カブト</t>
    </rPh>
    <rPh sb="1" eb="2">
      <t>ヤマ</t>
    </rPh>
    <rPh sb="2" eb="4">
      <t>コウエン</t>
    </rPh>
    <rPh sb="4" eb="5">
      <t>マエ</t>
    </rPh>
    <phoneticPr fontId="3"/>
  </si>
  <si>
    <t>住吉町</t>
    <rPh sb="0" eb="3">
      <t>スミヨシマチ</t>
    </rPh>
    <phoneticPr fontId="3"/>
  </si>
  <si>
    <t>太閤山１丁目</t>
    <rPh sb="0" eb="2">
      <t>タイコウ</t>
    </rPh>
    <rPh sb="2" eb="3">
      <t>ヤマ</t>
    </rPh>
    <rPh sb="4" eb="6">
      <t>チョウメ</t>
    </rPh>
    <phoneticPr fontId="3"/>
  </si>
  <si>
    <t>水上</t>
    <rPh sb="0" eb="2">
      <t>ミズカミ</t>
    </rPh>
    <phoneticPr fontId="3"/>
  </si>
  <si>
    <t>中山公園口</t>
    <rPh sb="0" eb="2">
      <t>ナカヤマ</t>
    </rPh>
    <rPh sb="2" eb="4">
      <t>コウエン</t>
    </rPh>
    <rPh sb="4" eb="5">
      <t>クチ</t>
    </rPh>
    <phoneticPr fontId="3"/>
  </si>
  <si>
    <t>-</t>
    <phoneticPr fontId="21"/>
  </si>
  <si>
    <t>中央図書館口</t>
    <rPh sb="0" eb="2">
      <t>チュウオウ</t>
    </rPh>
    <rPh sb="2" eb="5">
      <t>トショカン</t>
    </rPh>
    <rPh sb="5" eb="6">
      <t>グチ</t>
    </rPh>
    <phoneticPr fontId="3"/>
  </si>
  <si>
    <t>アイザック小杉文化ホール前</t>
    <rPh sb="5" eb="7">
      <t>コスギ</t>
    </rPh>
    <rPh sb="7" eb="9">
      <t>ブンカ</t>
    </rPh>
    <rPh sb="12" eb="13">
      <t>マエ</t>
    </rPh>
    <phoneticPr fontId="3"/>
  </si>
  <si>
    <t>新栄町</t>
    <rPh sb="0" eb="1">
      <t>シン</t>
    </rPh>
    <rPh sb="1" eb="3">
      <t>サカエマチ</t>
    </rPh>
    <phoneticPr fontId="3"/>
  </si>
  <si>
    <t>-</t>
    <phoneticPr fontId="21"/>
  </si>
  <si>
    <t>栄町</t>
    <rPh sb="0" eb="2">
      <t>サカエマチ</t>
    </rPh>
    <phoneticPr fontId="3"/>
  </si>
  <si>
    <t>小杉地区センター口</t>
    <rPh sb="0" eb="2">
      <t>コスギ</t>
    </rPh>
    <rPh sb="2" eb="4">
      <t>チク</t>
    </rPh>
    <rPh sb="8" eb="9">
      <t>グチ</t>
    </rPh>
    <phoneticPr fontId="3"/>
  </si>
  <si>
    <t>太閤山10丁目</t>
    <rPh sb="0" eb="2">
      <t>タイコウ</t>
    </rPh>
    <rPh sb="2" eb="3">
      <t>ヤマ</t>
    </rPh>
    <rPh sb="5" eb="7">
      <t>チョウメ</t>
    </rPh>
    <phoneticPr fontId="3"/>
  </si>
  <si>
    <t>歌の森小学校前</t>
    <rPh sb="0" eb="1">
      <t>ウタ</t>
    </rPh>
    <rPh sb="2" eb="3">
      <t>モリ</t>
    </rPh>
    <rPh sb="3" eb="6">
      <t>ショウガッコウ</t>
    </rPh>
    <rPh sb="6" eb="7">
      <t>マエ</t>
    </rPh>
    <phoneticPr fontId="3"/>
  </si>
  <si>
    <t>太閤山9丁目</t>
    <rPh sb="0" eb="2">
      <t>タイコウ</t>
    </rPh>
    <rPh sb="2" eb="3">
      <t>ヤマ</t>
    </rPh>
    <rPh sb="4" eb="6">
      <t>チョウメ</t>
    </rPh>
    <phoneticPr fontId="3"/>
  </si>
  <si>
    <t>黒河4区</t>
    <rPh sb="0" eb="2">
      <t>クロカワ</t>
    </rPh>
    <rPh sb="3" eb="4">
      <t>ク</t>
    </rPh>
    <phoneticPr fontId="3"/>
  </si>
  <si>
    <t>太閤山コミュニティセンター前</t>
    <rPh sb="0" eb="2">
      <t>タイコウ</t>
    </rPh>
    <rPh sb="2" eb="3">
      <t>ヤマ</t>
    </rPh>
    <rPh sb="13" eb="14">
      <t>マエ</t>
    </rPh>
    <phoneticPr fontId="3"/>
  </si>
  <si>
    <t>黒河3区</t>
    <rPh sb="0" eb="2">
      <t>クロカワ</t>
    </rPh>
    <rPh sb="3" eb="4">
      <t>ク</t>
    </rPh>
    <phoneticPr fontId="3"/>
  </si>
  <si>
    <t>太閤山相撲場前</t>
    <rPh sb="0" eb="2">
      <t>タイコウ</t>
    </rPh>
    <rPh sb="2" eb="3">
      <t>ヤマ</t>
    </rPh>
    <rPh sb="3" eb="5">
      <t>スモウ</t>
    </rPh>
    <rPh sb="5" eb="6">
      <t>ジョウ</t>
    </rPh>
    <rPh sb="6" eb="7">
      <t>マエ</t>
    </rPh>
    <phoneticPr fontId="3"/>
  </si>
  <si>
    <t>黒河2区</t>
    <rPh sb="0" eb="2">
      <t>クロカワ</t>
    </rPh>
    <rPh sb="3" eb="4">
      <t>ク</t>
    </rPh>
    <phoneticPr fontId="3"/>
  </si>
  <si>
    <t>富山県立大学前</t>
    <rPh sb="0" eb="2">
      <t>トヤマ</t>
    </rPh>
    <rPh sb="2" eb="4">
      <t>ケンリツ</t>
    </rPh>
    <rPh sb="4" eb="6">
      <t>ダイガク</t>
    </rPh>
    <rPh sb="6" eb="7">
      <t>マエ</t>
    </rPh>
    <phoneticPr fontId="3"/>
  </si>
  <si>
    <t>黒河1区</t>
    <rPh sb="0" eb="2">
      <t>クロカワ</t>
    </rPh>
    <rPh sb="3" eb="4">
      <t>ク</t>
    </rPh>
    <phoneticPr fontId="3"/>
  </si>
  <si>
    <t>黒河5区</t>
    <rPh sb="0" eb="2">
      <t>クロカワ</t>
    </rPh>
    <rPh sb="3" eb="4">
      <t>ク</t>
    </rPh>
    <phoneticPr fontId="3"/>
  </si>
  <si>
    <t>中太閤山3丁目</t>
    <rPh sb="0" eb="1">
      <t>ナカ</t>
    </rPh>
    <rPh sb="1" eb="3">
      <t>タイコウ</t>
    </rPh>
    <rPh sb="3" eb="4">
      <t>ヤマ</t>
    </rPh>
    <rPh sb="5" eb="7">
      <t>チョウメ</t>
    </rPh>
    <phoneticPr fontId="3"/>
  </si>
  <si>
    <t>東太閤山北</t>
    <rPh sb="0" eb="1">
      <t>ヒガシ</t>
    </rPh>
    <rPh sb="1" eb="3">
      <t>タイコウ</t>
    </rPh>
    <rPh sb="3" eb="4">
      <t>ヤマ</t>
    </rPh>
    <rPh sb="4" eb="5">
      <t>キタ</t>
    </rPh>
    <phoneticPr fontId="3"/>
  </si>
  <si>
    <t>中太閤山4丁目</t>
    <rPh sb="0" eb="1">
      <t>ナカ</t>
    </rPh>
    <rPh sb="1" eb="3">
      <t>タイコウ</t>
    </rPh>
    <rPh sb="3" eb="4">
      <t>ヤマ</t>
    </rPh>
    <rPh sb="5" eb="7">
      <t>チョウメ</t>
    </rPh>
    <phoneticPr fontId="3"/>
  </si>
  <si>
    <t>東太閤山3丁目</t>
    <rPh sb="0" eb="1">
      <t>ヒガシ</t>
    </rPh>
    <rPh sb="1" eb="3">
      <t>タイコウ</t>
    </rPh>
    <rPh sb="3" eb="4">
      <t>ヤマ</t>
    </rPh>
    <rPh sb="5" eb="7">
      <t>チョウメ</t>
    </rPh>
    <phoneticPr fontId="3"/>
  </si>
  <si>
    <t>中太閤山7丁目</t>
    <rPh sb="0" eb="1">
      <t>ナカ</t>
    </rPh>
    <rPh sb="1" eb="3">
      <t>タイコウ</t>
    </rPh>
    <rPh sb="3" eb="4">
      <t>ヤマ</t>
    </rPh>
    <rPh sb="5" eb="7">
      <t>チョウメ</t>
    </rPh>
    <phoneticPr fontId="3"/>
  </si>
  <si>
    <t>東太閤山4丁目</t>
    <rPh sb="0" eb="1">
      <t>ヒガシ</t>
    </rPh>
    <rPh sb="1" eb="3">
      <t>タイコウ</t>
    </rPh>
    <rPh sb="3" eb="4">
      <t>ヤマ</t>
    </rPh>
    <rPh sb="5" eb="7">
      <t>チョウメ</t>
    </rPh>
    <phoneticPr fontId="3"/>
  </si>
  <si>
    <t>中太閤山9丁目</t>
    <rPh sb="0" eb="1">
      <t>ナカ</t>
    </rPh>
    <rPh sb="1" eb="3">
      <t>タイコウ</t>
    </rPh>
    <rPh sb="3" eb="4">
      <t>ヤマ</t>
    </rPh>
    <rPh sb="5" eb="7">
      <t>チョウメ</t>
    </rPh>
    <phoneticPr fontId="3"/>
  </si>
  <si>
    <t>土代</t>
    <rPh sb="0" eb="1">
      <t>ツチ</t>
    </rPh>
    <rPh sb="1" eb="2">
      <t>ダイ</t>
    </rPh>
    <phoneticPr fontId="3"/>
  </si>
  <si>
    <t>中太閤山コミュニティセンター前</t>
    <rPh sb="0" eb="1">
      <t>ナカ</t>
    </rPh>
    <rPh sb="1" eb="3">
      <t>タイコウ</t>
    </rPh>
    <rPh sb="3" eb="4">
      <t>ヤマ</t>
    </rPh>
    <rPh sb="14" eb="15">
      <t>マエ</t>
    </rPh>
    <phoneticPr fontId="3"/>
  </si>
  <si>
    <t>椎土</t>
    <rPh sb="0" eb="1">
      <t>シイ</t>
    </rPh>
    <rPh sb="1" eb="2">
      <t>ツチ</t>
    </rPh>
    <phoneticPr fontId="3"/>
  </si>
  <si>
    <t>薬勝寺池南公園前</t>
    <rPh sb="0" eb="1">
      <t>ヤク</t>
    </rPh>
    <rPh sb="1" eb="2">
      <t>カツ</t>
    </rPh>
    <rPh sb="2" eb="3">
      <t>テラ</t>
    </rPh>
    <rPh sb="3" eb="4">
      <t>イケ</t>
    </rPh>
    <rPh sb="4" eb="5">
      <t>ミナミ</t>
    </rPh>
    <rPh sb="5" eb="7">
      <t>コウエン</t>
    </rPh>
    <rPh sb="7" eb="8">
      <t>マエ</t>
    </rPh>
    <phoneticPr fontId="3"/>
  </si>
  <si>
    <t>北野会館前</t>
    <rPh sb="0" eb="2">
      <t>キタノ</t>
    </rPh>
    <rPh sb="2" eb="4">
      <t>カイカン</t>
    </rPh>
    <rPh sb="4" eb="5">
      <t>マエ</t>
    </rPh>
    <phoneticPr fontId="3"/>
  </si>
  <si>
    <t>花園公園前</t>
    <rPh sb="0" eb="2">
      <t>ハナゾノ</t>
    </rPh>
    <rPh sb="2" eb="4">
      <t>コウエン</t>
    </rPh>
    <rPh sb="4" eb="5">
      <t>マエ</t>
    </rPh>
    <phoneticPr fontId="3"/>
  </si>
  <si>
    <t>池多コミュニティセンター前</t>
    <rPh sb="0" eb="1">
      <t>イケ</t>
    </rPh>
    <rPh sb="1" eb="2">
      <t>タ</t>
    </rPh>
    <rPh sb="12" eb="13">
      <t>マエ</t>
    </rPh>
    <phoneticPr fontId="3"/>
  </si>
  <si>
    <t>南太閤山8丁目</t>
    <rPh sb="0" eb="1">
      <t>ミナミ</t>
    </rPh>
    <rPh sb="1" eb="3">
      <t>タイコウ</t>
    </rPh>
    <rPh sb="3" eb="4">
      <t>ヤマ</t>
    </rPh>
    <rPh sb="5" eb="7">
      <t>チョウメ</t>
    </rPh>
    <phoneticPr fontId="3"/>
  </si>
  <si>
    <t>山本新公民館前</t>
    <rPh sb="0" eb="2">
      <t>ヤマモト</t>
    </rPh>
    <rPh sb="2" eb="3">
      <t>シン</t>
    </rPh>
    <rPh sb="3" eb="6">
      <t>コウミンカン</t>
    </rPh>
    <rPh sb="6" eb="7">
      <t>マエ</t>
    </rPh>
    <phoneticPr fontId="3"/>
  </si>
  <si>
    <t>山本新</t>
    <rPh sb="0" eb="2">
      <t>ヤマモト</t>
    </rPh>
    <rPh sb="2" eb="3">
      <t>シン</t>
    </rPh>
    <phoneticPr fontId="3"/>
  </si>
  <si>
    <t>平野</t>
    <rPh sb="0" eb="2">
      <t>ヒラノ</t>
    </rPh>
    <phoneticPr fontId="3"/>
  </si>
  <si>
    <t>エスポワールこすぎ前</t>
    <rPh sb="9" eb="10">
      <t>マエ</t>
    </rPh>
    <phoneticPr fontId="3"/>
  </si>
  <si>
    <t>↓</t>
    <phoneticPr fontId="3"/>
  </si>
  <si>
    <t>-</t>
    <phoneticPr fontId="21"/>
  </si>
  <si>
    <t>太閤山公園墓苑前</t>
    <rPh sb="0" eb="2">
      <t>タイコウ</t>
    </rPh>
    <rPh sb="2" eb="3">
      <t>ヤマ</t>
    </rPh>
    <rPh sb="3" eb="5">
      <t>コウエン</t>
    </rPh>
    <rPh sb="5" eb="7">
      <t>ボエン</t>
    </rPh>
    <rPh sb="7" eb="8">
      <t>マエ</t>
    </rPh>
    <phoneticPr fontId="3"/>
  </si>
  <si>
    <t>↓</t>
    <phoneticPr fontId="22"/>
  </si>
  <si>
    <t>↓</t>
    <phoneticPr fontId="23"/>
  </si>
  <si>
    <t>↓</t>
    <phoneticPr fontId="23"/>
  </si>
  <si>
    <t>↓</t>
    <phoneticPr fontId="23"/>
  </si>
  <si>
    <t>↓</t>
    <phoneticPr fontId="23"/>
  </si>
  <si>
    <r>
      <t>⑭小杉駅・太閤山線(小杉駅⇔</t>
    </r>
    <r>
      <rPr>
        <b/>
        <sz val="18"/>
        <color indexed="29"/>
        <rFont val="ＭＳ Ｐゴシック"/>
        <family val="3"/>
        <charset val="128"/>
      </rPr>
      <t>小杉ふれあいセンター</t>
    </r>
    <r>
      <rPr>
        <b/>
        <sz val="18"/>
        <rFont val="ＭＳ Ｐゴシック"/>
        <family val="3"/>
        <charset val="128"/>
      </rPr>
      <t>)　　　　　　　　　　　　　　</t>
    </r>
    <rPh sb="1" eb="3">
      <t>コスギ</t>
    </rPh>
    <rPh sb="3" eb="4">
      <t>エキ</t>
    </rPh>
    <rPh sb="5" eb="8">
      <t>タイコウヤマ</t>
    </rPh>
    <rPh sb="8" eb="9">
      <t>セン</t>
    </rPh>
    <rPh sb="10" eb="12">
      <t>コスギ</t>
    </rPh>
    <rPh sb="12" eb="13">
      <t>エキ</t>
    </rPh>
    <rPh sb="14" eb="16">
      <t>コスギ</t>
    </rPh>
    <phoneticPr fontId="3"/>
  </si>
  <si>
    <t>小杉ふれあいセンター行き</t>
    <rPh sb="0" eb="2">
      <t>コスギ</t>
    </rPh>
    <rPh sb="10" eb="11">
      <t>イ</t>
    </rPh>
    <phoneticPr fontId="3"/>
  </si>
  <si>
    <t>太閤山北口</t>
    <rPh sb="0" eb="2">
      <t>タイコウ</t>
    </rPh>
    <rPh sb="2" eb="3">
      <t>ヤマ</t>
    </rPh>
    <rPh sb="3" eb="5">
      <t>キタグチ</t>
    </rPh>
    <phoneticPr fontId="3"/>
  </si>
  <si>
    <t>駅南通り１丁目</t>
    <rPh sb="0" eb="2">
      <t>エキナン</t>
    </rPh>
    <rPh sb="2" eb="3">
      <t>トオ</t>
    </rPh>
    <rPh sb="5" eb="7">
      <t>チョウメ</t>
    </rPh>
    <phoneticPr fontId="3"/>
  </si>
  <si>
    <t>太閤山団地口</t>
    <rPh sb="0" eb="2">
      <t>タイコウ</t>
    </rPh>
    <rPh sb="2" eb="3">
      <t>ヤマ</t>
    </rPh>
    <rPh sb="3" eb="5">
      <t>ダンチ</t>
    </rPh>
    <rPh sb="5" eb="6">
      <t>クチ</t>
    </rPh>
    <phoneticPr fontId="3"/>
  </si>
  <si>
    <t>千成商店街</t>
    <rPh sb="0" eb="2">
      <t>センナリ</t>
    </rPh>
    <rPh sb="2" eb="4">
      <t>ショウテン</t>
    </rPh>
    <rPh sb="4" eb="5">
      <t>ガイ</t>
    </rPh>
    <phoneticPr fontId="3"/>
  </si>
  <si>
    <t>太閤山3丁目</t>
    <rPh sb="0" eb="2">
      <t>タイコウ</t>
    </rPh>
    <rPh sb="2" eb="3">
      <t>ヤマ</t>
    </rPh>
    <rPh sb="4" eb="6">
      <t>チョウメ</t>
    </rPh>
    <phoneticPr fontId="3"/>
  </si>
  <si>
    <t>中太閤山３丁目</t>
    <rPh sb="0" eb="1">
      <t>ナカ</t>
    </rPh>
    <rPh sb="1" eb="3">
      <t>タイコウ</t>
    </rPh>
    <rPh sb="3" eb="4">
      <t>ヤマ</t>
    </rPh>
    <rPh sb="5" eb="7">
      <t>チョウメ</t>
    </rPh>
    <phoneticPr fontId="3"/>
  </si>
  <si>
    <t>中太閤山４丁目</t>
    <rPh sb="0" eb="1">
      <t>ナカ</t>
    </rPh>
    <rPh sb="1" eb="3">
      <t>タイコウ</t>
    </rPh>
    <rPh sb="3" eb="4">
      <t>ヤマ</t>
    </rPh>
    <rPh sb="5" eb="7">
      <t>チョウメ</t>
    </rPh>
    <phoneticPr fontId="3"/>
  </si>
  <si>
    <t>中太閤山７丁目</t>
    <rPh sb="0" eb="1">
      <t>ナカ</t>
    </rPh>
    <rPh sb="1" eb="3">
      <t>タイコウ</t>
    </rPh>
    <rPh sb="3" eb="4">
      <t>ヤマ</t>
    </rPh>
    <rPh sb="5" eb="7">
      <t>チョウメ</t>
    </rPh>
    <phoneticPr fontId="3"/>
  </si>
  <si>
    <t>中太閤山９丁目</t>
    <rPh sb="0" eb="1">
      <t>ナカ</t>
    </rPh>
    <rPh sb="1" eb="3">
      <t>タイコウ</t>
    </rPh>
    <rPh sb="3" eb="4">
      <t>ヤマ</t>
    </rPh>
    <rPh sb="5" eb="7">
      <t>チョウメ</t>
    </rPh>
    <phoneticPr fontId="3"/>
  </si>
  <si>
    <t>天池公園前</t>
    <rPh sb="0" eb="2">
      <t>アマイケ</t>
    </rPh>
    <rPh sb="2" eb="4">
      <t>コウエン</t>
    </rPh>
    <rPh sb="4" eb="5">
      <t>マエ</t>
    </rPh>
    <phoneticPr fontId="3"/>
  </si>
  <si>
    <t>南太閤山１２丁目</t>
    <rPh sb="0" eb="1">
      <t>ミナミ</t>
    </rPh>
    <rPh sb="1" eb="3">
      <t>タイコウ</t>
    </rPh>
    <rPh sb="3" eb="4">
      <t>ヤマ</t>
    </rPh>
    <rPh sb="6" eb="8">
      <t>チョウメ</t>
    </rPh>
    <phoneticPr fontId="3"/>
  </si>
  <si>
    <t>南太閤山８丁目</t>
    <rPh sb="0" eb="1">
      <t>ミナミ</t>
    </rPh>
    <rPh sb="1" eb="3">
      <t>タイコウ</t>
    </rPh>
    <rPh sb="3" eb="4">
      <t>ヤマ</t>
    </rPh>
    <rPh sb="5" eb="7">
      <t>チョウメ</t>
    </rPh>
    <phoneticPr fontId="3"/>
  </si>
  <si>
    <t>コストコ</t>
    <phoneticPr fontId="3"/>
  </si>
  <si>
    <t>小杉駅南口行き</t>
    <rPh sb="0" eb="2">
      <t>コスギ</t>
    </rPh>
    <rPh sb="2" eb="3">
      <t>エキ</t>
    </rPh>
    <rPh sb="3" eb="4">
      <t>ミナミ</t>
    </rPh>
    <rPh sb="4" eb="5">
      <t>グチ</t>
    </rPh>
    <rPh sb="5" eb="6">
      <t>イ</t>
    </rPh>
    <phoneticPr fontId="3"/>
  </si>
  <si>
    <t>↓</t>
    <phoneticPr fontId="3"/>
  </si>
  <si>
    <t xml:space="preserve"> 表示の便は、土・日・祝日は運行しません。</t>
    <rPh sb="1" eb="3">
      <t>ヒョウジ</t>
    </rPh>
    <rPh sb="4" eb="5">
      <t>ビン</t>
    </rPh>
    <rPh sb="7" eb="8">
      <t>ド</t>
    </rPh>
    <rPh sb="9" eb="10">
      <t>ヒ</t>
    </rPh>
    <rPh sb="11" eb="13">
      <t>シュクジツ</t>
    </rPh>
    <rPh sb="14" eb="15">
      <t>ウン</t>
    </rPh>
    <rPh sb="15" eb="16">
      <t>イ</t>
    </rPh>
    <phoneticPr fontId="3"/>
  </si>
  <si>
    <t>表示の便は、12月～２月の平日のみ運行します。</t>
    <rPh sb="0" eb="2">
      <t>ヒョウジ</t>
    </rPh>
    <rPh sb="3" eb="4">
      <t>ビン</t>
    </rPh>
    <rPh sb="8" eb="9">
      <t>ツキ</t>
    </rPh>
    <rPh sb="11" eb="12">
      <t>ツキ</t>
    </rPh>
    <rPh sb="13" eb="15">
      <t>ヘイジツ</t>
    </rPh>
    <rPh sb="17" eb="19">
      <t>ウンコウ</t>
    </rPh>
    <phoneticPr fontId="3"/>
  </si>
  <si>
    <r>
      <t>⑭小杉駅・太閤山線(小杉駅⇔</t>
    </r>
    <r>
      <rPr>
        <b/>
        <sz val="18"/>
        <color indexed="17"/>
        <rFont val="ＭＳ Ｐゴシック"/>
        <family val="3"/>
        <charset val="128"/>
      </rPr>
      <t>太閤山ランド</t>
    </r>
    <r>
      <rPr>
        <b/>
        <sz val="18"/>
        <rFont val="ＭＳ Ｐゴシック"/>
        <family val="3"/>
        <charset val="128"/>
      </rPr>
      <t>)　　　　　　　　　　　　　　　　　</t>
    </r>
    <rPh sb="1" eb="3">
      <t>コスギ</t>
    </rPh>
    <rPh sb="3" eb="4">
      <t>エキ</t>
    </rPh>
    <rPh sb="5" eb="8">
      <t>タイコウヤマ</t>
    </rPh>
    <rPh sb="8" eb="9">
      <t>セン</t>
    </rPh>
    <rPh sb="10" eb="12">
      <t>コスギ</t>
    </rPh>
    <rPh sb="12" eb="13">
      <t>エキ</t>
    </rPh>
    <rPh sb="14" eb="17">
      <t>タイコウヤマ</t>
    </rPh>
    <phoneticPr fontId="3"/>
  </si>
  <si>
    <t>太閤山ランド行き</t>
    <rPh sb="0" eb="3">
      <t>タイコウヤマ</t>
    </rPh>
    <rPh sb="6" eb="7">
      <t>イ</t>
    </rPh>
    <phoneticPr fontId="3"/>
  </si>
  <si>
    <t>★第４便</t>
    <rPh sb="1" eb="2">
      <t>ダイ</t>
    </rPh>
    <rPh sb="3" eb="4">
      <t>ビン</t>
    </rPh>
    <phoneticPr fontId="3"/>
  </si>
  <si>
    <t>★第６便</t>
    <rPh sb="1" eb="2">
      <t>ダイ</t>
    </rPh>
    <rPh sb="3" eb="4">
      <t>ビン</t>
    </rPh>
    <phoneticPr fontId="3"/>
  </si>
  <si>
    <t>★第８便</t>
    <rPh sb="1" eb="2">
      <t>ダイ</t>
    </rPh>
    <rPh sb="3" eb="4">
      <t>ビン</t>
    </rPh>
    <phoneticPr fontId="3"/>
  </si>
  <si>
    <t>★第10便</t>
    <rPh sb="1" eb="2">
      <t>ダイ</t>
    </rPh>
    <rPh sb="4" eb="5">
      <t>ビン</t>
    </rPh>
    <phoneticPr fontId="3"/>
  </si>
  <si>
    <t>小杉駅南口</t>
  </si>
  <si>
    <t>8:05</t>
  </si>
  <si>
    <t>9:05</t>
  </si>
  <si>
    <t>10:05</t>
  </si>
  <si>
    <t>11:05</t>
  </si>
  <si>
    <t>12:05</t>
  </si>
  <si>
    <t>13:05</t>
  </si>
  <si>
    <t>14:05</t>
  </si>
  <si>
    <t>15:05</t>
  </si>
  <si>
    <t>16:05</t>
  </si>
  <si>
    <t>17:05</t>
  </si>
  <si>
    <t>18:05</t>
  </si>
  <si>
    <t>小杉中学校ロ</t>
  </si>
  <si>
    <t>8:06</t>
  </si>
  <si>
    <t>9:06</t>
  </si>
  <si>
    <t>10:06</t>
  </si>
  <si>
    <t>11:06</t>
  </si>
  <si>
    <t>12:06</t>
  </si>
  <si>
    <t>13:06</t>
  </si>
  <si>
    <t>14:06</t>
  </si>
  <si>
    <t>15:06</t>
  </si>
  <si>
    <t>16:06</t>
  </si>
  <si>
    <t>17:06</t>
  </si>
  <si>
    <t>18:06</t>
  </si>
  <si>
    <t>太閤山北ロ</t>
  </si>
  <si>
    <t>8:07</t>
  </si>
  <si>
    <t>9:07</t>
  </si>
  <si>
    <t>10:07</t>
  </si>
  <si>
    <t>12:07</t>
  </si>
  <si>
    <t>13:07</t>
  </si>
  <si>
    <t>14:07</t>
  </si>
  <si>
    <t>15:07</t>
  </si>
  <si>
    <t>16:07</t>
  </si>
  <si>
    <t>17:07</t>
  </si>
  <si>
    <t>18:07</t>
  </si>
  <si>
    <t>駅南通り１丁目</t>
  </si>
  <si>
    <t>11:07</t>
  </si>
  <si>
    <t>太閤山団地ロ</t>
    <rPh sb="0" eb="2">
      <t>タイコウ</t>
    </rPh>
    <rPh sb="2" eb="3">
      <t>ヤマ</t>
    </rPh>
    <phoneticPr fontId="3"/>
  </si>
  <si>
    <t>8:08</t>
  </si>
  <si>
    <t>9:08</t>
  </si>
  <si>
    <t>10:08</t>
  </si>
  <si>
    <t>11:08</t>
  </si>
  <si>
    <t>12:08</t>
  </si>
  <si>
    <t>13:08</t>
  </si>
  <si>
    <t>14:08</t>
  </si>
  <si>
    <t>15:08</t>
  </si>
  <si>
    <t>16:08</t>
  </si>
  <si>
    <t>17:08</t>
  </si>
  <si>
    <t>18:08</t>
  </si>
  <si>
    <t>千成商店街</t>
  </si>
  <si>
    <t>8:09</t>
  </si>
  <si>
    <t>9:09</t>
  </si>
  <si>
    <t>10:09</t>
  </si>
  <si>
    <t>11:09</t>
  </si>
  <si>
    <t>12:09</t>
  </si>
  <si>
    <t>13:09</t>
  </si>
  <si>
    <t>14:09</t>
  </si>
  <si>
    <t>15:09</t>
  </si>
  <si>
    <t>16:09</t>
  </si>
  <si>
    <t>17:09</t>
  </si>
  <si>
    <t>18:09</t>
  </si>
  <si>
    <t>富山県立大学前</t>
  </si>
  <si>
    <t>8:12</t>
  </si>
  <si>
    <t>9:12</t>
  </si>
  <si>
    <t>10:12</t>
  </si>
  <si>
    <t>11:12</t>
  </si>
  <si>
    <t>13:12</t>
  </si>
  <si>
    <t>14:12</t>
  </si>
  <si>
    <t>15:12</t>
  </si>
  <si>
    <t>16:12</t>
  </si>
  <si>
    <t>17:12</t>
  </si>
  <si>
    <t>18:12</t>
  </si>
  <si>
    <t>パスコ前</t>
  </si>
  <si>
    <t>8:14</t>
  </si>
  <si>
    <t>9:14</t>
  </si>
  <si>
    <t>10:14</t>
  </si>
  <si>
    <t>11:14</t>
  </si>
  <si>
    <t>12:14</t>
  </si>
  <si>
    <t>13:14</t>
  </si>
  <si>
    <t>14:14</t>
  </si>
  <si>
    <t>15:14</t>
  </si>
  <si>
    <t>16:14</t>
  </si>
  <si>
    <t>17:14</t>
  </si>
  <si>
    <t>18:14</t>
  </si>
  <si>
    <t>中太閤山６丁目</t>
  </si>
  <si>
    <t>10:17</t>
  </si>
  <si>
    <t>12:17</t>
  </si>
  <si>
    <t>14:17</t>
  </si>
  <si>
    <t>薬勝寺池公園前</t>
    <rPh sb="0" eb="1">
      <t>ヤク</t>
    </rPh>
    <rPh sb="1" eb="2">
      <t>カツ</t>
    </rPh>
    <phoneticPr fontId="13"/>
  </si>
  <si>
    <t>10:18</t>
  </si>
  <si>
    <t>12:18</t>
  </si>
  <si>
    <t>14:18</t>
  </si>
  <si>
    <t>16:18</t>
  </si>
  <si>
    <t>中太閤山コミュニティセンター前</t>
    <rPh sb="0" eb="1">
      <t>ナカ</t>
    </rPh>
    <rPh sb="1" eb="4">
      <t>タイコウヤマ</t>
    </rPh>
    <rPh sb="14" eb="15">
      <t>マエ</t>
    </rPh>
    <phoneticPr fontId="13"/>
  </si>
  <si>
    <t>10:19</t>
  </si>
  <si>
    <t>12:19</t>
  </si>
  <si>
    <t>14:19</t>
  </si>
  <si>
    <t>16:19</t>
  </si>
  <si>
    <t>南太閤山コミュニティセンター前</t>
    <rPh sb="0" eb="4">
      <t>ミナミタイコウヤマ</t>
    </rPh>
    <rPh sb="14" eb="15">
      <t>マエ</t>
    </rPh>
    <phoneticPr fontId="13"/>
  </si>
  <si>
    <t>8:16</t>
  </si>
  <si>
    <t>9:16</t>
  </si>
  <si>
    <t>10:21</t>
  </si>
  <si>
    <t>11:16</t>
  </si>
  <si>
    <t>12:21</t>
  </si>
  <si>
    <t>13:16</t>
  </si>
  <si>
    <t>14:21</t>
  </si>
  <si>
    <t>15:16</t>
  </si>
  <si>
    <t>16:21</t>
  </si>
  <si>
    <t>17:16</t>
  </si>
  <si>
    <t>18:16</t>
  </si>
  <si>
    <t>環境科学センター前</t>
  </si>
  <si>
    <t>8:17</t>
  </si>
  <si>
    <t>9:17</t>
  </si>
  <si>
    <t>10:22</t>
  </si>
  <si>
    <t>11:17</t>
  </si>
  <si>
    <t>12:22</t>
  </si>
  <si>
    <t>13:17</t>
  </si>
  <si>
    <t>14:22</t>
  </si>
  <si>
    <t>15:17</t>
  </si>
  <si>
    <t>16:22</t>
  </si>
  <si>
    <t>17:17</t>
  </si>
  <si>
    <t>18:17</t>
  </si>
  <si>
    <t>南太閤山14丁目</t>
  </si>
  <si>
    <t>太閤山ランド前</t>
  </si>
  <si>
    <t>8:18</t>
  </si>
  <si>
    <t>9:18</t>
  </si>
  <si>
    <t>10:23</t>
  </si>
  <si>
    <t>11:18</t>
  </si>
  <si>
    <t>12:23</t>
  </si>
  <si>
    <t>13:18</t>
  </si>
  <si>
    <t>14:23</t>
  </si>
  <si>
    <t>15:18</t>
  </si>
  <si>
    <t>16:23</t>
  </si>
  <si>
    <t>17:18</t>
  </si>
  <si>
    <t>太閤山ランド</t>
  </si>
  <si>
    <t>8:20</t>
  </si>
  <si>
    <t>9:20</t>
  </si>
  <si>
    <t>10:25</t>
  </si>
  <si>
    <t>11:20</t>
  </si>
  <si>
    <t>12:25</t>
  </si>
  <si>
    <t>13:20</t>
  </si>
  <si>
    <t>14:25</t>
  </si>
  <si>
    <t>15:20</t>
  </si>
  <si>
    <t>16:25</t>
  </si>
  <si>
    <t>17:20</t>
  </si>
  <si>
    <t>(18:20)</t>
  </si>
  <si>
    <t>★第11便</t>
    <rPh sb="1" eb="2">
      <t>ダイ</t>
    </rPh>
    <rPh sb="4" eb="5">
      <t>ビン</t>
    </rPh>
    <phoneticPr fontId="3"/>
  </si>
  <si>
    <t>★第12便</t>
    <rPh sb="1" eb="2">
      <t>ダイ</t>
    </rPh>
    <rPh sb="4" eb="5">
      <t>ビン</t>
    </rPh>
    <phoneticPr fontId="3"/>
  </si>
  <si>
    <t>8:45</t>
  </si>
  <si>
    <t>9:40</t>
  </si>
  <si>
    <t>10:45</t>
  </si>
  <si>
    <t>11:40</t>
  </si>
  <si>
    <t>12:45</t>
  </si>
  <si>
    <t>13:40</t>
  </si>
  <si>
    <t>14:45</t>
  </si>
  <si>
    <t>15:40</t>
  </si>
  <si>
    <t>16:45</t>
  </si>
  <si>
    <t>(17:45)</t>
  </si>
  <si>
    <t>(18:25)</t>
  </si>
  <si>
    <t>7:17</t>
  </si>
  <si>
    <t>8:47</t>
  </si>
  <si>
    <t>9:42</t>
  </si>
  <si>
    <t>10:47</t>
  </si>
  <si>
    <t>11:42</t>
  </si>
  <si>
    <t>12:47</t>
  </si>
  <si>
    <t>13:42</t>
  </si>
  <si>
    <t>14:47</t>
  </si>
  <si>
    <t>15:42</t>
  </si>
  <si>
    <t>16:47</t>
  </si>
  <si>
    <t>17:47</t>
  </si>
  <si>
    <t>18:27</t>
  </si>
  <si>
    <t>7:18</t>
  </si>
  <si>
    <t>8:48</t>
  </si>
  <si>
    <t>9:43</t>
  </si>
  <si>
    <t>10:48</t>
  </si>
  <si>
    <t>11:43</t>
  </si>
  <si>
    <t>12:48</t>
  </si>
  <si>
    <t>13:43</t>
  </si>
  <si>
    <t>14:48</t>
  </si>
  <si>
    <t>15:43</t>
  </si>
  <si>
    <t>17:48</t>
  </si>
  <si>
    <t>18:28</t>
  </si>
  <si>
    <t>7:19</t>
  </si>
  <si>
    <t>8:49</t>
  </si>
  <si>
    <t>9:44</t>
  </si>
  <si>
    <t>10:49</t>
  </si>
  <si>
    <t>11:44</t>
  </si>
  <si>
    <t>12:49</t>
  </si>
  <si>
    <t>13:44</t>
  </si>
  <si>
    <t>14:49</t>
  </si>
  <si>
    <t>15:44</t>
  </si>
  <si>
    <t>16:49</t>
  </si>
  <si>
    <t>17:49</t>
  </si>
  <si>
    <t>18:29</t>
  </si>
  <si>
    <t>9:46</t>
  </si>
  <si>
    <t>11:46</t>
  </si>
  <si>
    <t>13:46</t>
  </si>
  <si>
    <t>15:46</t>
  </si>
  <si>
    <t>9:47</t>
  </si>
  <si>
    <t>11:47</t>
  </si>
  <si>
    <t>13:47</t>
  </si>
  <si>
    <t>15:47</t>
  </si>
  <si>
    <t>9:48</t>
  </si>
  <si>
    <t>11:48</t>
  </si>
  <si>
    <t>13:48</t>
  </si>
  <si>
    <t>15:48</t>
  </si>
  <si>
    <t>7:21</t>
  </si>
  <si>
    <t>8:51</t>
  </si>
  <si>
    <t>9:51</t>
  </si>
  <si>
    <t>10:51</t>
  </si>
  <si>
    <t>11:51</t>
  </si>
  <si>
    <t>12:51</t>
  </si>
  <si>
    <t>13:51</t>
  </si>
  <si>
    <t>14:51</t>
  </si>
  <si>
    <t>15:51</t>
  </si>
  <si>
    <t>16:51</t>
  </si>
  <si>
    <t>17:51</t>
  </si>
  <si>
    <t>18:31</t>
  </si>
  <si>
    <t>7:23</t>
  </si>
  <si>
    <t>8:53</t>
  </si>
  <si>
    <t>9:53</t>
  </si>
  <si>
    <t>10:53</t>
  </si>
  <si>
    <t>11:53</t>
  </si>
  <si>
    <t>12:53</t>
  </si>
  <si>
    <t>13:53</t>
  </si>
  <si>
    <t>14:53</t>
  </si>
  <si>
    <t>15:53</t>
  </si>
  <si>
    <t>16:53</t>
  </si>
  <si>
    <t>17:53</t>
  </si>
  <si>
    <t>18:33</t>
  </si>
  <si>
    <t>7:26</t>
  </si>
  <si>
    <t>7:27</t>
  </si>
  <si>
    <t>7:28</t>
  </si>
  <si>
    <t>7:29</t>
  </si>
  <si>
    <t>7:30</t>
  </si>
  <si>
    <t>※太閤山ランド休園日(通常は毎週火曜日)は、太閤山ランド前が終点になります。(太閤山ランド内には入りません。)</t>
    <rPh sb="1" eb="4">
      <t>タイコウヤマ</t>
    </rPh>
    <rPh sb="7" eb="10">
      <t>キュウエンビ</t>
    </rPh>
    <rPh sb="11" eb="13">
      <t>ツウジョウ</t>
    </rPh>
    <rPh sb="14" eb="16">
      <t>マイシュウ</t>
    </rPh>
    <rPh sb="16" eb="19">
      <t>カヨウビ</t>
    </rPh>
    <rPh sb="22" eb="25">
      <t>タイコウヤマ</t>
    </rPh>
    <rPh sb="28" eb="29">
      <t>マエ</t>
    </rPh>
    <rPh sb="30" eb="32">
      <t>シュウテン</t>
    </rPh>
    <rPh sb="39" eb="42">
      <t>タイコウヤマ</t>
    </rPh>
    <rPh sb="45" eb="46">
      <t>ナイ</t>
    </rPh>
    <rPh sb="48" eb="49">
      <t>ハイ</t>
    </rPh>
    <phoneticPr fontId="3"/>
  </si>
  <si>
    <r>
      <t>※</t>
    </r>
    <r>
      <rPr>
        <sz val="11"/>
        <rFont val="HG丸ｺﾞｼｯｸM-PRO"/>
        <family val="3"/>
        <charset val="128"/>
      </rPr>
      <t>★</t>
    </r>
    <r>
      <rPr>
        <sz val="11"/>
        <color indexed="10"/>
        <rFont val="HG丸ｺﾞｼｯｸM-PRO"/>
        <family val="3"/>
        <charset val="128"/>
      </rPr>
      <t>の太閤山ランド行き第４、６、８、１０便及び小杉駅南口行き第４、６、８、１１、１２便は夏季プール期間中は毎日（土・日・祝日も）運行します。</t>
    </r>
    <rPh sb="3" eb="6">
      <t>タイコウヤマ</t>
    </rPh>
    <rPh sb="9" eb="10">
      <t>イ</t>
    </rPh>
    <rPh sb="11" eb="12">
      <t>ダイ</t>
    </rPh>
    <rPh sb="20" eb="21">
      <t>ビン</t>
    </rPh>
    <rPh sb="21" eb="22">
      <t>オヨ</t>
    </rPh>
    <rPh sb="23" eb="25">
      <t>コスギ</t>
    </rPh>
    <rPh sb="25" eb="26">
      <t>エキ</t>
    </rPh>
    <rPh sb="26" eb="27">
      <t>ミナミ</t>
    </rPh>
    <rPh sb="27" eb="28">
      <t>グチ</t>
    </rPh>
    <rPh sb="28" eb="29">
      <t>イ</t>
    </rPh>
    <rPh sb="30" eb="31">
      <t>ダイ</t>
    </rPh>
    <rPh sb="42" eb="43">
      <t>ビン</t>
    </rPh>
    <rPh sb="44" eb="46">
      <t>カキ</t>
    </rPh>
    <rPh sb="49" eb="51">
      <t>キカン</t>
    </rPh>
    <rPh sb="51" eb="52">
      <t>チュウ</t>
    </rPh>
    <rPh sb="53" eb="55">
      <t>マイニチ</t>
    </rPh>
    <rPh sb="56" eb="57">
      <t>ド</t>
    </rPh>
    <rPh sb="58" eb="59">
      <t>ニチ</t>
    </rPh>
    <rPh sb="60" eb="61">
      <t>シュク</t>
    </rPh>
    <rPh sb="61" eb="62">
      <t>ジツ</t>
    </rPh>
    <rPh sb="64" eb="66">
      <t>ウンコウ</t>
    </rPh>
    <phoneticPr fontId="3"/>
  </si>
  <si>
    <t>※（　　　）内の時間は、夏季プール期間中のみ運行します。　夏季プール期間のお問い合わせ先：太閤山ランド☎0766-56-6116</t>
    <rPh sb="6" eb="7">
      <t>ナイ</t>
    </rPh>
    <rPh sb="8" eb="10">
      <t>ジカン</t>
    </rPh>
    <rPh sb="12" eb="14">
      <t>カキ</t>
    </rPh>
    <rPh sb="17" eb="20">
      <t>キカンチュウ</t>
    </rPh>
    <rPh sb="22" eb="24">
      <t>ウンコウ</t>
    </rPh>
    <rPh sb="29" eb="31">
      <t>カキ</t>
    </rPh>
    <rPh sb="34" eb="36">
      <t>キカン</t>
    </rPh>
    <rPh sb="38" eb="39">
      <t>ト</t>
    </rPh>
    <rPh sb="40" eb="41">
      <t>ア</t>
    </rPh>
    <rPh sb="43" eb="44">
      <t>サキ</t>
    </rPh>
    <rPh sb="45" eb="47">
      <t>タイコウ</t>
    </rPh>
    <rPh sb="47" eb="48">
      <t>ヤマ</t>
    </rPh>
    <phoneticPr fontId="3"/>
  </si>
  <si>
    <t>⑮小杉駅・白石経由足洗線</t>
    <phoneticPr fontId="3"/>
  </si>
  <si>
    <t>富山高専前</t>
    <rPh sb="0" eb="2">
      <t>トヤマ</t>
    </rPh>
    <rPh sb="2" eb="4">
      <t>コウセン</t>
    </rPh>
    <rPh sb="4" eb="5">
      <t>マエ</t>
    </rPh>
    <phoneticPr fontId="3"/>
  </si>
  <si>
    <t>小杉中学校前</t>
    <rPh sb="0" eb="2">
      <t>コスギ</t>
    </rPh>
    <rPh sb="2" eb="5">
      <t>チュウガッコウ</t>
    </rPh>
    <rPh sb="5" eb="6">
      <t>マエ</t>
    </rPh>
    <phoneticPr fontId="3"/>
  </si>
  <si>
    <t>練合東口</t>
    <rPh sb="0" eb="1">
      <t>ネ</t>
    </rPh>
    <rPh sb="1" eb="2">
      <t>ア</t>
    </rPh>
    <rPh sb="2" eb="4">
      <t>ヒガシグチ</t>
    </rPh>
    <phoneticPr fontId="3"/>
  </si>
  <si>
    <t>小杉社会福祉会館前</t>
    <rPh sb="0" eb="2">
      <t>コスギ</t>
    </rPh>
    <rPh sb="2" eb="4">
      <t>シャカイ</t>
    </rPh>
    <rPh sb="4" eb="6">
      <t>フクシ</t>
    </rPh>
    <rPh sb="6" eb="8">
      <t>カイカン</t>
    </rPh>
    <rPh sb="8" eb="9">
      <t>マエ</t>
    </rPh>
    <phoneticPr fontId="3"/>
  </si>
  <si>
    <t>生涯学習センター前</t>
    <rPh sb="0" eb="2">
      <t>ショウガイ</t>
    </rPh>
    <rPh sb="2" eb="4">
      <t>ガクシュウ</t>
    </rPh>
    <rPh sb="8" eb="9">
      <t>マエ</t>
    </rPh>
    <phoneticPr fontId="3"/>
  </si>
  <si>
    <t>新町</t>
    <rPh sb="0" eb="2">
      <t>シンマチ</t>
    </rPh>
    <phoneticPr fontId="3"/>
  </si>
  <si>
    <t>本江コミュニティセンター前</t>
    <rPh sb="0" eb="2">
      <t>ホンゴウ</t>
    </rPh>
    <rPh sb="12" eb="13">
      <t>マエ</t>
    </rPh>
    <phoneticPr fontId="3"/>
  </si>
  <si>
    <t>荒町</t>
    <rPh sb="0" eb="2">
      <t>アラマチ</t>
    </rPh>
    <phoneticPr fontId="3"/>
  </si>
  <si>
    <t>本江道番</t>
    <rPh sb="0" eb="2">
      <t>ホンゴウ</t>
    </rPh>
    <rPh sb="2" eb="3">
      <t>ミチ</t>
    </rPh>
    <rPh sb="3" eb="4">
      <t>バン</t>
    </rPh>
    <phoneticPr fontId="3"/>
  </si>
  <si>
    <t>小杉小学校前</t>
    <rPh sb="0" eb="2">
      <t>コスギ</t>
    </rPh>
    <rPh sb="2" eb="5">
      <t>ショウガッコウ</t>
    </rPh>
    <rPh sb="5" eb="6">
      <t>マエ</t>
    </rPh>
    <phoneticPr fontId="3"/>
  </si>
  <si>
    <t>下村三箇口</t>
    <rPh sb="0" eb="2">
      <t>シモムラ</t>
    </rPh>
    <rPh sb="2" eb="4">
      <t>サンガ</t>
    </rPh>
    <rPh sb="4" eb="5">
      <t>クチ</t>
    </rPh>
    <phoneticPr fontId="3"/>
  </si>
  <si>
    <t>鍛冶屋橋</t>
    <rPh sb="0" eb="2">
      <t>カジ</t>
    </rPh>
    <rPh sb="2" eb="3">
      <t>ヤ</t>
    </rPh>
    <rPh sb="3" eb="4">
      <t>ハシ</t>
    </rPh>
    <phoneticPr fontId="3"/>
  </si>
  <si>
    <t>加茂東部公民館前</t>
    <rPh sb="0" eb="2">
      <t>カモ</t>
    </rPh>
    <rPh sb="2" eb="4">
      <t>トウブ</t>
    </rPh>
    <rPh sb="4" eb="7">
      <t>コウミンカン</t>
    </rPh>
    <rPh sb="7" eb="8">
      <t>マエ</t>
    </rPh>
    <phoneticPr fontId="3"/>
  </si>
  <si>
    <t>手崎（小杉焼）</t>
    <rPh sb="0" eb="1">
      <t>テ</t>
    </rPh>
    <rPh sb="1" eb="2">
      <t>サキ</t>
    </rPh>
    <rPh sb="3" eb="5">
      <t>コスギ</t>
    </rPh>
    <rPh sb="5" eb="6">
      <t>ヤ</t>
    </rPh>
    <phoneticPr fontId="3"/>
  </si>
  <si>
    <t>手崎北</t>
    <rPh sb="0" eb="1">
      <t>テ</t>
    </rPh>
    <rPh sb="1" eb="2">
      <t>サキ</t>
    </rPh>
    <rPh sb="2" eb="3">
      <t>キタ</t>
    </rPh>
    <phoneticPr fontId="3"/>
  </si>
  <si>
    <t>ＪＡいみず野東部支店前</t>
    <rPh sb="10" eb="11">
      <t>マエ</t>
    </rPh>
    <phoneticPr fontId="3"/>
  </si>
  <si>
    <t>鷲塚北</t>
    <rPh sb="0" eb="2">
      <t>ワシヅカ</t>
    </rPh>
    <rPh sb="2" eb="3">
      <t>キタ</t>
    </rPh>
    <phoneticPr fontId="3"/>
  </si>
  <si>
    <t>小杉白石西</t>
    <rPh sb="0" eb="2">
      <t>コスギ</t>
    </rPh>
    <rPh sb="2" eb="4">
      <t>シライシ</t>
    </rPh>
    <rPh sb="4" eb="5">
      <t>ニシ</t>
    </rPh>
    <phoneticPr fontId="3"/>
  </si>
  <si>
    <t>小杉白石</t>
    <rPh sb="0" eb="2">
      <t>コスギ</t>
    </rPh>
    <rPh sb="2" eb="4">
      <t>シライシ</t>
    </rPh>
    <phoneticPr fontId="3"/>
  </si>
  <si>
    <t>小杉白石東</t>
    <rPh sb="0" eb="2">
      <t>コスギ</t>
    </rPh>
    <rPh sb="2" eb="4">
      <t>シライシ</t>
    </rPh>
    <rPh sb="4" eb="5">
      <t>ヒガシ</t>
    </rPh>
    <phoneticPr fontId="3"/>
  </si>
  <si>
    <t>倉垣小杉口</t>
    <rPh sb="0" eb="1">
      <t>クラ</t>
    </rPh>
    <rPh sb="1" eb="2">
      <t>カキ</t>
    </rPh>
    <rPh sb="2" eb="4">
      <t>コスギ</t>
    </rPh>
    <rPh sb="4" eb="5">
      <t>クチ</t>
    </rPh>
    <phoneticPr fontId="3"/>
  </si>
  <si>
    <t>白城台</t>
    <rPh sb="0" eb="1">
      <t>シロ</t>
    </rPh>
    <rPh sb="1" eb="2">
      <t>シロ</t>
    </rPh>
    <rPh sb="2" eb="3">
      <t>ダイ</t>
    </rPh>
    <phoneticPr fontId="3"/>
  </si>
  <si>
    <t>白石口</t>
    <rPh sb="0" eb="2">
      <t>シライシ</t>
    </rPh>
    <rPh sb="2" eb="3">
      <t>グチ</t>
    </rPh>
    <phoneticPr fontId="3"/>
  </si>
  <si>
    <t>-</t>
    <phoneticPr fontId="3"/>
  </si>
  <si>
    <t>⑯小杉駅・大江経由足洗線</t>
    <rPh sb="5" eb="6">
      <t>ダイ</t>
    </rPh>
    <rPh sb="6" eb="7">
      <t>エ</t>
    </rPh>
    <phoneticPr fontId="3"/>
  </si>
  <si>
    <t>足洗潟公園口行き</t>
    <rPh sb="0" eb="1">
      <t>アシ</t>
    </rPh>
    <rPh sb="1" eb="2">
      <t>アラ</t>
    </rPh>
    <rPh sb="2" eb="3">
      <t>カタ</t>
    </rPh>
    <rPh sb="3" eb="5">
      <t>コウエン</t>
    </rPh>
    <rPh sb="5" eb="6">
      <t>クチ</t>
    </rPh>
    <rPh sb="6" eb="7">
      <t>イ</t>
    </rPh>
    <phoneticPr fontId="3"/>
  </si>
  <si>
    <t>足洗潟公園口</t>
    <rPh sb="0" eb="1">
      <t>アシ</t>
    </rPh>
    <rPh sb="1" eb="2">
      <t>ススグ</t>
    </rPh>
    <rPh sb="2" eb="3">
      <t>カタ</t>
    </rPh>
    <rPh sb="3" eb="5">
      <t>コウエン</t>
    </rPh>
    <rPh sb="5" eb="6">
      <t>クチ</t>
    </rPh>
    <phoneticPr fontId="3"/>
  </si>
  <si>
    <t>練合東口</t>
    <rPh sb="0" eb="2">
      <t>ネリヤ</t>
    </rPh>
    <rPh sb="2" eb="3">
      <t>ヒガシ</t>
    </rPh>
    <rPh sb="3" eb="4">
      <t>クチ</t>
    </rPh>
    <phoneticPr fontId="3"/>
  </si>
  <si>
    <t>三ケ北</t>
    <rPh sb="0" eb="1">
      <t>サン</t>
    </rPh>
    <rPh sb="2" eb="3">
      <t>キタ</t>
    </rPh>
    <phoneticPr fontId="3"/>
  </si>
  <si>
    <t>富山情報ビジネス専門学校前</t>
    <rPh sb="0" eb="2">
      <t>トヤマ</t>
    </rPh>
    <rPh sb="2" eb="4">
      <t>ジョウホウ</t>
    </rPh>
    <rPh sb="8" eb="10">
      <t>センモン</t>
    </rPh>
    <rPh sb="10" eb="12">
      <t>ガッコウ</t>
    </rPh>
    <rPh sb="12" eb="13">
      <t>マエ</t>
    </rPh>
    <phoneticPr fontId="3"/>
  </si>
  <si>
    <t>高寺北</t>
    <rPh sb="0" eb="2">
      <t>タカデラ</t>
    </rPh>
    <rPh sb="2" eb="3">
      <t>キタ</t>
    </rPh>
    <phoneticPr fontId="3"/>
  </si>
  <si>
    <t>稲積</t>
    <rPh sb="0" eb="2">
      <t>イナヅミ</t>
    </rPh>
    <phoneticPr fontId="3"/>
  </si>
  <si>
    <t>大江北</t>
    <rPh sb="0" eb="2">
      <t>オオエ</t>
    </rPh>
    <rPh sb="2" eb="3">
      <t>キタ</t>
    </rPh>
    <phoneticPr fontId="3"/>
  </si>
  <si>
    <t>大江</t>
    <rPh sb="0" eb="2">
      <t>オオエ</t>
    </rPh>
    <phoneticPr fontId="3"/>
  </si>
  <si>
    <t>大江苑前</t>
    <rPh sb="0" eb="2">
      <t>オオエ</t>
    </rPh>
    <rPh sb="2" eb="3">
      <t>エン</t>
    </rPh>
    <rPh sb="3" eb="4">
      <t>マエ</t>
    </rPh>
    <phoneticPr fontId="3"/>
  </si>
  <si>
    <t>西高木</t>
    <rPh sb="0" eb="1">
      <t>ニシ</t>
    </rPh>
    <rPh sb="1" eb="3">
      <t>タカギ</t>
    </rPh>
    <phoneticPr fontId="3"/>
  </si>
  <si>
    <t>八講</t>
    <rPh sb="0" eb="1">
      <t>ハチ</t>
    </rPh>
    <rPh sb="1" eb="2">
      <t>コウ</t>
    </rPh>
    <phoneticPr fontId="3"/>
  </si>
  <si>
    <t>摺出寺コミュニティセンター前</t>
    <rPh sb="0" eb="1">
      <t>ス</t>
    </rPh>
    <rPh sb="1" eb="2">
      <t>デ</t>
    </rPh>
    <rPh sb="2" eb="3">
      <t>テラ</t>
    </rPh>
    <rPh sb="13" eb="14">
      <t>マエ</t>
    </rPh>
    <phoneticPr fontId="3"/>
  </si>
  <si>
    <t>下村パークゴルフ場口</t>
    <rPh sb="0" eb="2">
      <t>シモムラ</t>
    </rPh>
    <rPh sb="8" eb="9">
      <t>バ</t>
    </rPh>
    <rPh sb="9" eb="10">
      <t>クチ</t>
    </rPh>
    <phoneticPr fontId="3"/>
  </si>
  <si>
    <t>↓</t>
    <phoneticPr fontId="3"/>
  </si>
  <si>
    <t>⑰海王丸パーク・ライトレール接続線</t>
    <rPh sb="1" eb="2">
      <t>ウミ</t>
    </rPh>
    <rPh sb="2" eb="3">
      <t>オウ</t>
    </rPh>
    <rPh sb="3" eb="4">
      <t>マル</t>
    </rPh>
    <rPh sb="14" eb="16">
      <t>セツゾク</t>
    </rPh>
    <rPh sb="16" eb="17">
      <t>セン</t>
    </rPh>
    <phoneticPr fontId="3"/>
  </si>
  <si>
    <t xml:space="preserve"> （土・日・祝日のみ運行）</t>
    <phoneticPr fontId="17"/>
  </si>
  <si>
    <t>新
湊
行
き</t>
    <rPh sb="0" eb="1">
      <t>シン</t>
    </rPh>
    <rPh sb="3" eb="4">
      <t>ミナト</t>
    </rPh>
    <rPh sb="6" eb="7">
      <t>イ</t>
    </rPh>
    <phoneticPr fontId="17"/>
  </si>
  <si>
    <t>岩瀬浜駅</t>
    <rPh sb="0" eb="2">
      <t>イワセ</t>
    </rPh>
    <rPh sb="2" eb="3">
      <t>ハマ</t>
    </rPh>
    <rPh sb="3" eb="4">
      <t>エキ</t>
    </rPh>
    <phoneticPr fontId="3"/>
  </si>
  <si>
    <t>練合東口</t>
    <rPh sb="0" eb="1">
      <t>ネリ</t>
    </rPh>
    <rPh sb="1" eb="2">
      <t>アイ</t>
    </rPh>
    <rPh sb="2" eb="4">
      <t>ヒガシグチ</t>
    </rPh>
    <phoneticPr fontId="3"/>
  </si>
  <si>
    <t>練合</t>
    <rPh sb="0" eb="1">
      <t>ネリ</t>
    </rPh>
    <rPh sb="1" eb="2">
      <t>アイ</t>
    </rPh>
    <phoneticPr fontId="3"/>
  </si>
  <si>
    <t>草岡町前</t>
    <rPh sb="0" eb="1">
      <t>クサ</t>
    </rPh>
    <rPh sb="1" eb="2">
      <t>オカ</t>
    </rPh>
    <rPh sb="2" eb="3">
      <t>チョウ</t>
    </rPh>
    <rPh sb="3" eb="4">
      <t>マエ</t>
    </rPh>
    <phoneticPr fontId="3"/>
  </si>
  <si>
    <t>堀岡古明神</t>
    <rPh sb="0" eb="2">
      <t>ホリオカ</t>
    </rPh>
    <rPh sb="2" eb="3">
      <t>フル</t>
    </rPh>
    <rPh sb="3" eb="5">
      <t>ミョウジン</t>
    </rPh>
    <phoneticPr fontId="3"/>
  </si>
  <si>
    <t>海王丸パーク</t>
    <rPh sb="0" eb="3">
      <t>カイオウマル</t>
    </rPh>
    <phoneticPr fontId="3"/>
  </si>
  <si>
    <t>※このバスは射水市内のバス停では下車のみ可能です。</t>
    <rPh sb="6" eb="10">
      <t>イミズシナイ</t>
    </rPh>
    <rPh sb="13" eb="14">
      <t>テイ</t>
    </rPh>
    <rPh sb="16" eb="18">
      <t>ゲシャ</t>
    </rPh>
    <rPh sb="20" eb="22">
      <t>カノウ</t>
    </rPh>
    <phoneticPr fontId="17"/>
  </si>
  <si>
    <t>岩
瀬
浜
駅
行
き</t>
    <rPh sb="0" eb="1">
      <t>イワ</t>
    </rPh>
    <rPh sb="3" eb="4">
      <t>セ</t>
    </rPh>
    <rPh sb="6" eb="7">
      <t>ハマ</t>
    </rPh>
    <rPh sb="9" eb="10">
      <t>エキ</t>
    </rPh>
    <rPh sb="12" eb="13">
      <t>イ</t>
    </rPh>
    <phoneticPr fontId="17"/>
  </si>
  <si>
    <t>海老江西町東</t>
    <rPh sb="0" eb="2">
      <t>エビ</t>
    </rPh>
    <rPh sb="2" eb="4">
      <t>エニシ</t>
    </rPh>
    <rPh sb="4" eb="5">
      <t>マチ</t>
    </rPh>
    <rPh sb="5" eb="6">
      <t>ヒガシ</t>
    </rPh>
    <phoneticPr fontId="3"/>
  </si>
  <si>
    <t>岩瀬浜駅</t>
    <rPh sb="0" eb="4">
      <t>イワセハマエキ</t>
    </rPh>
    <phoneticPr fontId="3"/>
  </si>
  <si>
    <t>※このバスは乗車されますと、ライトレール岩瀬浜駅まで
   下車することはできませんのでご注意ください。</t>
    <rPh sb="6" eb="8">
      <t>ジョウシャ</t>
    </rPh>
    <rPh sb="20" eb="23">
      <t>イワセハマ</t>
    </rPh>
    <rPh sb="23" eb="24">
      <t>エキ</t>
    </rPh>
    <rPh sb="30" eb="32">
      <t>ゲシャ</t>
    </rPh>
    <rPh sb="45" eb="47">
      <t>チュウイ</t>
    </rPh>
    <phoneticPr fontId="17"/>
  </si>
  <si>
    <t>⑤新湊・越中大門駅線　　　　　　　　　　　　　　　　　　　　　　　　　　　　　　　　　　　</t>
    <phoneticPr fontId="3"/>
  </si>
  <si>
    <r>
      <t>①新湊・大門線　　　　　　　　　　　　　　　　　　　　　　　　　　　　　　　　　　　　　　　　　　　　　　　　　　　　　　　　　　　</t>
    </r>
    <r>
      <rPr>
        <b/>
        <sz val="18"/>
        <rFont val="ＭＳ Ｐゴシック"/>
        <family val="3"/>
        <charset val="128"/>
      </rPr>
      <t>　</t>
    </r>
    <phoneticPr fontId="3"/>
  </si>
  <si>
    <r>
      <t xml:space="preserve">            </t>
    </r>
    <r>
      <rPr>
        <sz val="11"/>
        <rFont val="ＭＳ Ｐゴシック"/>
        <family val="3"/>
        <charset val="128"/>
      </rPr>
      <t>　 発</t>
    </r>
    <rPh sb="14" eb="15">
      <t>ハツ</t>
    </rPh>
    <phoneticPr fontId="3"/>
  </si>
  <si>
    <r>
      <t xml:space="preserve">             </t>
    </r>
    <r>
      <rPr>
        <sz val="11"/>
        <rFont val="ＭＳ Ｐゴシック"/>
        <family val="3"/>
        <charset val="128"/>
      </rPr>
      <t>　発</t>
    </r>
    <rPh sb="14" eb="15">
      <t>ハツ</t>
    </rPh>
    <phoneticPr fontId="3"/>
  </si>
  <si>
    <r>
      <t>※このバスは、「大阪屋ショップ呉羽店」、「アルビス呉羽本郷店」バス停では、</t>
    </r>
    <r>
      <rPr>
        <sz val="11"/>
        <color rgb="FFFF0000"/>
        <rFont val="ＭＳ Ｐゴシック"/>
        <family val="3"/>
        <charset val="128"/>
      </rPr>
      <t>降車</t>
    </r>
    <r>
      <rPr>
        <sz val="11"/>
        <color theme="1"/>
        <rFont val="ＭＳ Ｐゴシック"/>
        <family val="3"/>
        <charset val="128"/>
      </rPr>
      <t>のみ可能です。</t>
    </r>
    <rPh sb="8" eb="10">
      <t>オオサカ</t>
    </rPh>
    <rPh sb="10" eb="11">
      <t>ヤ</t>
    </rPh>
    <rPh sb="15" eb="17">
      <t>クレハ</t>
    </rPh>
    <rPh sb="17" eb="18">
      <t>テン</t>
    </rPh>
    <rPh sb="25" eb="27">
      <t>クレハ</t>
    </rPh>
    <rPh sb="27" eb="29">
      <t>ホンゴウ</t>
    </rPh>
    <rPh sb="29" eb="30">
      <t>テン</t>
    </rPh>
    <rPh sb="33" eb="34">
      <t>テイ</t>
    </rPh>
    <rPh sb="37" eb="39">
      <t>コウシャ</t>
    </rPh>
    <rPh sb="41" eb="43">
      <t>カノウ</t>
    </rPh>
    <phoneticPr fontId="17"/>
  </si>
  <si>
    <r>
      <t>※このバスは、「アルビス呉羽本郷店」、「大阪屋ショップ呉羽店」バス停では、</t>
    </r>
    <r>
      <rPr>
        <sz val="11"/>
        <color rgb="FFFF0000"/>
        <rFont val="ＭＳ Ｐゴシック"/>
        <family val="3"/>
        <charset val="128"/>
      </rPr>
      <t>乗車</t>
    </r>
    <r>
      <rPr>
        <sz val="11"/>
        <color theme="1"/>
        <rFont val="ＭＳ Ｐゴシック"/>
        <family val="3"/>
        <charset val="128"/>
      </rPr>
      <t>のみ可能です。</t>
    </r>
    <rPh sb="12" eb="14">
      <t>クレハ</t>
    </rPh>
    <rPh sb="14" eb="16">
      <t>ホンゴウ</t>
    </rPh>
    <rPh sb="16" eb="17">
      <t>テン</t>
    </rPh>
    <rPh sb="33" eb="34">
      <t>テイ</t>
    </rPh>
    <rPh sb="37" eb="39">
      <t>ジョウシャ</t>
    </rPh>
    <rPh sb="41" eb="43">
      <t>カノウ</t>
    </rPh>
    <phoneticPr fontId="17"/>
  </si>
  <si>
    <r>
      <t xml:space="preserve"> </t>
    </r>
    <r>
      <rPr>
        <sz val="11"/>
        <rFont val="ＭＳ Ｐゴシック"/>
        <family val="3"/>
        <charset val="128"/>
      </rPr>
      <t xml:space="preserve">           　発</t>
    </r>
    <rPh sb="13" eb="14">
      <t>ハツ</t>
    </rPh>
    <phoneticPr fontId="3"/>
  </si>
  <si>
    <t>赤井口</t>
    <rPh sb="0" eb="1">
      <t>アカ</t>
    </rPh>
    <rPh sb="1" eb="3">
      <t>イグチ</t>
    </rPh>
    <phoneticPr fontId="3"/>
  </si>
  <si>
    <t>⑱堀岡・片口経由小杉駅線　　　　　　　　　　　　　　　　　　　　　　　　　　　　　　　　　　　　　　</t>
    <phoneticPr fontId="3"/>
  </si>
  <si>
    <t>⑦新湊・小杉線　　　　　　　　　　　　　　　　　　　　　　　　　　　　　　　　　　　　　　　　　　　　　　　　　　　　　　　　　　　　　　　　　　　　　</t>
    <phoneticPr fontId="3"/>
  </si>
  <si>
    <t>二口コミュニティセンター前</t>
    <rPh sb="0" eb="2">
      <t>フタクチ</t>
    </rPh>
    <rPh sb="12" eb="13">
      <t>マエ</t>
    </rPh>
    <phoneticPr fontId="3"/>
  </si>
  <si>
    <t>富山県立大学</t>
    <rPh sb="0" eb="2">
      <t>トヤマ</t>
    </rPh>
    <rPh sb="2" eb="4">
      <t>ケンリツ</t>
    </rPh>
    <rPh sb="4" eb="6">
      <t>ダイガク</t>
    </rPh>
    <phoneticPr fontId="3"/>
  </si>
  <si>
    <t>↓</t>
    <phoneticPr fontId="3"/>
  </si>
  <si>
    <t>富山県立大学</t>
    <phoneticPr fontId="3"/>
  </si>
  <si>
    <t>堀岡東町</t>
  </si>
  <si>
    <r>
      <t>大阪屋ショップ呉羽店</t>
    </r>
    <r>
      <rPr>
        <sz val="10"/>
        <color rgb="FFFF0000"/>
        <rFont val="ＭＳ Ｐゴシック"/>
        <family val="3"/>
        <charset val="128"/>
      </rPr>
      <t>（降車のみ）</t>
    </r>
    <rPh sb="0" eb="2">
      <t>オオサカ</t>
    </rPh>
    <rPh sb="2" eb="3">
      <t>ヤ</t>
    </rPh>
    <rPh sb="7" eb="9">
      <t>クレハ</t>
    </rPh>
    <rPh sb="9" eb="10">
      <t>ミセ</t>
    </rPh>
    <rPh sb="11" eb="13">
      <t>コウシャ</t>
    </rPh>
    <phoneticPr fontId="17"/>
  </si>
  <si>
    <r>
      <t>アルビス呉羽本郷店</t>
    </r>
    <r>
      <rPr>
        <sz val="10"/>
        <color rgb="FFFF0000"/>
        <rFont val="ＭＳ Ｐゴシック"/>
        <family val="3"/>
        <charset val="128"/>
      </rPr>
      <t>（降車のみ）</t>
    </r>
    <rPh sb="4" eb="6">
      <t>クレハ</t>
    </rPh>
    <rPh sb="6" eb="9">
      <t>ホンゴウテン</t>
    </rPh>
    <rPh sb="10" eb="12">
      <t>コウシャ</t>
    </rPh>
    <phoneticPr fontId="17"/>
  </si>
  <si>
    <r>
      <t>アルビス呉羽本郷店</t>
    </r>
    <r>
      <rPr>
        <sz val="10"/>
        <color rgb="FFFF0000"/>
        <rFont val="ＭＳ Ｐゴシック"/>
        <family val="3"/>
        <charset val="128"/>
      </rPr>
      <t>（乗車のみ）</t>
    </r>
    <rPh sb="4" eb="6">
      <t>クレハ</t>
    </rPh>
    <rPh sb="6" eb="9">
      <t>ホンゴウテン</t>
    </rPh>
    <rPh sb="10" eb="12">
      <t>ジョウシャ</t>
    </rPh>
    <phoneticPr fontId="17"/>
  </si>
  <si>
    <r>
      <t>大阪屋ショップ呉羽店</t>
    </r>
    <r>
      <rPr>
        <sz val="10"/>
        <color rgb="FFFF0000"/>
        <rFont val="ＭＳ Ｐゴシック"/>
        <family val="3"/>
        <charset val="128"/>
      </rPr>
      <t>（乗車のみ）</t>
    </r>
    <rPh sb="0" eb="2">
      <t>オオサカ</t>
    </rPh>
    <rPh sb="2" eb="3">
      <t>ヤ</t>
    </rPh>
    <rPh sb="7" eb="9">
      <t>クレハ</t>
    </rPh>
    <rPh sb="9" eb="10">
      <t>ミセ</t>
    </rPh>
    <rPh sb="11" eb="13">
      <t>ジョウシャ</t>
    </rPh>
    <phoneticPr fontId="1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h:mm;@"/>
    <numFmt numFmtId="177" formatCode="0&quot;:&quot;00"/>
    <numFmt numFmtId="178" formatCode="0_ "/>
    <numFmt numFmtId="179" formatCode="0_);[Red]\(0\)"/>
    <numFmt numFmtId="180" formatCode="[&lt;=999]000;[&lt;=9999]000\-00;000\-0000"/>
  </numFmts>
  <fonts count="5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8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4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color theme="0"/>
      <name val="ＭＳ Ｐゴシック"/>
      <family val="3"/>
      <charset val="128"/>
    </font>
    <font>
      <b/>
      <sz val="11"/>
      <color theme="0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1"/>
      <color rgb="FF006100"/>
      <name val="游ゴシック"/>
      <family val="2"/>
      <charset val="128"/>
      <scheme val="minor"/>
    </font>
    <font>
      <sz val="14"/>
      <name val="HG丸ｺﾞｼｯｸM-PRO"/>
      <family val="3"/>
      <charset val="128"/>
    </font>
    <font>
      <sz val="12"/>
      <name val="HG丸ｺﾞｼｯｸM-PRO"/>
      <family val="3"/>
      <charset val="128"/>
    </font>
    <font>
      <sz val="11"/>
      <color theme="1"/>
      <name val="游ゴシック"/>
      <family val="3"/>
      <charset val="128"/>
      <scheme val="minor"/>
    </font>
    <font>
      <sz val="6"/>
      <name val="游ゴシック"/>
      <family val="3"/>
      <charset val="128"/>
      <scheme val="minor"/>
    </font>
    <font>
      <sz val="11"/>
      <color theme="1"/>
      <name val="游ゴシック"/>
      <family val="2"/>
      <scheme val="minor"/>
    </font>
    <font>
      <sz val="18"/>
      <name val="ＭＳ Ｐゴシック"/>
      <family val="3"/>
      <charset val="128"/>
    </font>
    <font>
      <sz val="20"/>
      <name val="ＭＳ Ｐゴシック"/>
      <family val="3"/>
      <charset val="128"/>
    </font>
    <font>
      <sz val="5"/>
      <name val="MS UI Gothic"/>
      <family val="3"/>
      <charset val="128"/>
    </font>
    <font>
      <sz val="8"/>
      <name val="MS UI Gothic"/>
      <family val="3"/>
      <charset val="128"/>
    </font>
    <font>
      <sz val="7"/>
      <name val="MS UI Gothic"/>
      <family val="3"/>
      <charset val="128"/>
    </font>
    <font>
      <sz val="11"/>
      <color theme="1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8"/>
      <color indexed="29"/>
      <name val="ＭＳ Ｐゴシック"/>
      <family val="3"/>
      <charset val="128"/>
    </font>
    <font>
      <sz val="11"/>
      <name val="HG丸ｺﾞｼｯｸM-PRO"/>
      <family val="3"/>
      <charset val="128"/>
    </font>
    <font>
      <b/>
      <sz val="14"/>
      <color rgb="FFFF0000"/>
      <name val="ＭＳ Ｐゴシック"/>
      <family val="3"/>
      <charset val="128"/>
    </font>
    <font>
      <sz val="14"/>
      <color rgb="FFFF0000"/>
      <name val="ＭＳ Ｐゴシック"/>
      <family val="3"/>
      <charset val="128"/>
    </font>
    <font>
      <b/>
      <sz val="18"/>
      <color indexed="17"/>
      <name val="ＭＳ Ｐゴシック"/>
      <family val="3"/>
      <charset val="128"/>
    </font>
    <font>
      <b/>
      <sz val="16"/>
      <color theme="0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12"/>
      <color rgb="FFFF0000"/>
      <name val="HG丸ｺﾞｼｯｸM-PRO"/>
      <family val="3"/>
      <charset val="128"/>
    </font>
    <font>
      <sz val="11"/>
      <color rgb="FFFF0000"/>
      <name val="HG丸ｺﾞｼｯｸM-PRO"/>
      <family val="3"/>
      <charset val="128"/>
    </font>
    <font>
      <sz val="11"/>
      <color indexed="10"/>
      <name val="HG丸ｺﾞｼｯｸM-PRO"/>
      <family val="3"/>
      <charset val="128"/>
    </font>
    <font>
      <b/>
      <sz val="11"/>
      <color indexed="9"/>
      <name val="ＭＳ Ｐゴシック"/>
      <family val="3"/>
      <charset val="128"/>
    </font>
    <font>
      <b/>
      <sz val="11"/>
      <color indexed="10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20"/>
      <color theme="1"/>
      <name val="ＭＳ Ｐゴシック"/>
      <family val="3"/>
      <charset val="128"/>
    </font>
    <font>
      <sz val="14"/>
      <color theme="0"/>
      <name val="ＭＳ Ｐゴシック"/>
      <family val="3"/>
      <charset val="128"/>
    </font>
    <font>
      <b/>
      <sz val="6"/>
      <color rgb="FFFF0000"/>
      <name val="ＭＳ Ｐゴシック"/>
      <family val="3"/>
      <charset val="128"/>
    </font>
    <font>
      <b/>
      <sz val="6"/>
      <name val="ＭＳ Ｐゴシック"/>
      <family val="3"/>
      <charset val="128"/>
    </font>
    <font>
      <b/>
      <sz val="20"/>
      <color theme="1"/>
      <name val="ＭＳ Ｐゴシック"/>
      <family val="3"/>
      <charset val="128"/>
    </font>
    <font>
      <b/>
      <sz val="16"/>
      <color theme="1"/>
      <name val="ＭＳ Ｐゴシック"/>
      <family val="3"/>
      <charset val="128"/>
    </font>
    <font>
      <b/>
      <sz val="14"/>
      <color theme="0"/>
      <name val="ＭＳ Ｐゴシック"/>
      <family val="3"/>
      <charset val="128"/>
    </font>
    <font>
      <b/>
      <sz val="13"/>
      <color theme="0"/>
      <name val="ＭＳ Ｐゴシック"/>
      <family val="3"/>
      <charset val="128"/>
    </font>
    <font>
      <sz val="10.5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b/>
      <sz val="18"/>
      <color theme="0"/>
      <name val="ＭＳ Ｐゴシック"/>
      <family val="3"/>
      <charset val="128"/>
    </font>
    <font>
      <sz val="17"/>
      <name val="ＭＳ Ｐゴシック"/>
      <family val="3"/>
      <charset val="128"/>
    </font>
    <font>
      <sz val="8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</fonts>
  <fills count="76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gradientFill>
        <stop position="0">
          <color theme="0"/>
        </stop>
        <stop position="1">
          <color rgb="FFFFFF99"/>
        </stop>
      </gradientFill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rgb="FFFFFF99"/>
        <bgColor indexed="64"/>
      </patternFill>
    </fill>
    <fill>
      <gradientFill>
        <stop position="0">
          <color theme="0"/>
        </stop>
        <stop position="1">
          <color theme="8" tint="-0.25098422193060094"/>
        </stop>
      </gradientFill>
    </fill>
    <fill>
      <patternFill patternType="solid">
        <fgColor theme="3" tint="0.39997558519241921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rgb="FF7030A0"/>
        <bgColor indexed="64"/>
      </patternFill>
    </fill>
    <fill>
      <gradientFill>
        <stop position="0">
          <color theme="0"/>
        </stop>
        <stop position="1">
          <color rgb="FF9933FF"/>
        </stop>
      </gradientFill>
    </fill>
    <fill>
      <patternFill patternType="solid">
        <fgColor rgb="FFCC99FF"/>
        <bgColor indexed="64"/>
      </patternFill>
    </fill>
    <fill>
      <patternFill patternType="solid">
        <fgColor rgb="FF002060"/>
        <bgColor indexed="64"/>
      </patternFill>
    </fill>
    <fill>
      <patternFill patternType="solid">
        <fgColor theme="8" tint="-0.249977111117893"/>
        <bgColor indexed="64"/>
      </patternFill>
    </fill>
    <fill>
      <patternFill patternType="solid">
        <fgColor indexed="50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DDDDDD"/>
        <bgColor indexed="64"/>
      </patternFill>
    </fill>
    <fill>
      <patternFill patternType="solid">
        <fgColor rgb="FFFFFF66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FF0000"/>
        <bgColor indexed="64"/>
      </patternFill>
    </fill>
    <fill>
      <gradientFill>
        <stop position="0">
          <color theme="0"/>
        </stop>
        <stop position="1">
          <color rgb="FFFF0000"/>
        </stop>
      </gradientFill>
    </fill>
    <fill>
      <patternFill patternType="solid">
        <fgColor rgb="FFFFC7AB"/>
        <bgColor indexed="64"/>
      </patternFill>
    </fill>
    <fill>
      <patternFill patternType="solid">
        <fgColor rgb="FFFFFF71"/>
        <bgColor indexed="64"/>
      </patternFill>
    </fill>
    <fill>
      <patternFill patternType="solid">
        <fgColor rgb="FF00B050"/>
        <bgColor indexed="64"/>
      </patternFill>
    </fill>
    <fill>
      <gradientFill>
        <stop position="0">
          <color theme="0"/>
        </stop>
        <stop position="1">
          <color rgb="FF66FF66"/>
        </stop>
      </gradientFill>
    </fill>
    <fill>
      <patternFill patternType="solid">
        <fgColor rgb="FF66FF66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7" tint="-0.499984740745262"/>
        <bgColor indexed="64"/>
      </patternFill>
    </fill>
    <fill>
      <gradientFill>
        <stop position="0">
          <color theme="0"/>
        </stop>
        <stop position="1">
          <color theme="7" tint="-0.49803155613879818"/>
        </stop>
      </gradientFill>
    </fill>
    <fill>
      <patternFill patternType="solid">
        <fgColor rgb="FFFFD55D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rgb="FFFFC000"/>
        <bgColor indexed="64"/>
      </patternFill>
    </fill>
    <fill>
      <gradientFill>
        <stop position="0">
          <color theme="0"/>
        </stop>
        <stop position="1">
          <color rgb="FFFFC000"/>
        </stop>
      </gradientFill>
    </fill>
    <fill>
      <patternFill patternType="solid">
        <fgColor rgb="FFFFCC00"/>
        <bgColor auto="1"/>
      </patternFill>
    </fill>
    <fill>
      <patternFill patternType="solid">
        <fgColor theme="8" tint="0.59996337778862885"/>
        <bgColor indexed="64"/>
      </patternFill>
    </fill>
    <fill>
      <patternFill patternType="solid">
        <fgColor rgb="FFCCFF33"/>
        <bgColor indexed="64"/>
      </patternFill>
    </fill>
    <fill>
      <gradientFill>
        <stop position="0">
          <color theme="0"/>
        </stop>
        <stop position="1">
          <color rgb="FFCCFF66"/>
        </stop>
      </gradientFill>
    </fill>
    <fill>
      <patternFill patternType="solid">
        <fgColor indexed="42"/>
        <bgColor indexed="64"/>
      </patternFill>
    </fill>
    <fill>
      <patternFill patternType="solid">
        <fgColor rgb="FF990000"/>
        <bgColor indexed="64"/>
      </patternFill>
    </fill>
    <fill>
      <gradientFill>
        <stop position="0">
          <color theme="0"/>
        </stop>
        <stop position="1">
          <color rgb="FF996633"/>
        </stop>
      </gradientFill>
    </fill>
    <fill>
      <patternFill patternType="solid">
        <fgColor rgb="FF996633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CCECFF"/>
        <bgColor indexed="64"/>
      </patternFill>
    </fill>
    <fill>
      <patternFill patternType="solid">
        <fgColor rgb="FFFF9966"/>
        <bgColor indexed="9"/>
      </patternFill>
    </fill>
    <fill>
      <gradientFill>
        <stop position="0">
          <color theme="0"/>
        </stop>
        <stop position="1">
          <color rgb="FFFF9966"/>
        </stop>
      </gradientFill>
    </fill>
    <fill>
      <patternFill patternType="solid">
        <fgColor rgb="FFFF9966"/>
        <bgColor indexed="64"/>
      </patternFill>
    </fill>
    <fill>
      <patternFill patternType="solid">
        <fgColor rgb="FFFFCCCC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rgb="FFFF9999"/>
        <bgColor indexed="64"/>
      </patternFill>
    </fill>
    <fill>
      <patternFill patternType="solid">
        <fgColor indexed="65"/>
      </patternFill>
    </fill>
    <fill>
      <patternFill patternType="solid">
        <fgColor rgb="FFFF33CC"/>
        <bgColor indexed="64"/>
      </patternFill>
    </fill>
    <fill>
      <gradientFill>
        <stop position="0">
          <color theme="0"/>
        </stop>
        <stop position="1">
          <color rgb="FFFF66CC"/>
        </stop>
      </gradientFill>
    </fill>
    <fill>
      <patternFill patternType="solid">
        <fgColor rgb="FFFF99CC"/>
        <bgColor indexed="64"/>
      </patternFill>
    </fill>
    <fill>
      <patternFill patternType="solid">
        <fgColor indexed="13"/>
        <bgColor indexed="64"/>
      </patternFill>
    </fill>
    <fill>
      <gradientFill>
        <stop position="0">
          <color theme="0"/>
        </stop>
        <stop position="1">
          <color theme="8" tint="0.40000610370189521"/>
        </stop>
      </gradientFill>
    </fill>
    <fill>
      <patternFill patternType="solid">
        <fgColor rgb="FFB4B9D2"/>
        <bgColor indexed="64"/>
      </patternFill>
    </fill>
    <fill>
      <gradientFill>
        <stop position="0">
          <color theme="0"/>
        </stop>
        <stop position="1">
          <color rgb="FFB4B9D2"/>
        </stop>
      </gradientFill>
    </fill>
    <fill>
      <patternFill patternType="solid">
        <fgColor rgb="FFE2E4EE"/>
        <bgColor indexed="64"/>
      </patternFill>
    </fill>
    <fill>
      <patternFill patternType="solid">
        <fgColor rgb="FFA7D971"/>
        <bgColor indexed="64"/>
      </patternFill>
    </fill>
    <fill>
      <gradientFill>
        <stop position="0">
          <color theme="0"/>
        </stop>
        <stop position="1">
          <color theme="1" tint="0.49803155613879818"/>
        </stop>
      </gradientFill>
    </fill>
    <fill>
      <gradientFill>
        <stop position="0">
          <color theme="0"/>
        </stop>
        <stop position="1">
          <color theme="5" tint="-0.25098422193060094"/>
        </stop>
      </gradientFill>
    </fill>
    <fill>
      <patternFill patternType="solid">
        <fgColor theme="5" tint="-0.24994659260841701"/>
        <bgColor indexed="64"/>
      </patternFill>
    </fill>
    <fill>
      <patternFill patternType="solid">
        <fgColor theme="2" tint="-9.9948118533890809E-2"/>
        <bgColor indexed="64"/>
      </patternFill>
    </fill>
    <fill>
      <patternFill patternType="solid">
        <fgColor theme="8" tint="0.39994506668294322"/>
        <bgColor indexed="64"/>
      </patternFill>
    </fill>
    <fill>
      <gradientFill>
        <stop position="0">
          <color theme="0"/>
        </stop>
        <stop position="1">
          <color rgb="FF7030A0"/>
        </stop>
      </gradientFill>
    </fill>
    <fill>
      <gradientFill>
        <stop position="0">
          <color theme="0"/>
        </stop>
        <stop position="1">
          <color rgb="FF92D050"/>
        </stop>
      </gradientFill>
    </fill>
    <fill>
      <patternFill patternType="solid">
        <fgColor theme="5" tint="0.79998168889431442"/>
        <bgColor indexed="64"/>
      </patternFill>
    </fill>
    <fill>
      <patternFill patternType="solid">
        <fgColor theme="7" tint="0.39994506668294322"/>
        <bgColor indexed="64"/>
      </patternFill>
    </fill>
    <fill>
      <patternFill patternType="solid">
        <fgColor rgb="FF9D0BC5"/>
        <bgColor rgb="FF000000"/>
      </patternFill>
    </fill>
    <fill>
      <patternFill patternType="solid">
        <fgColor rgb="FF68ED33"/>
        <bgColor indexed="64"/>
      </patternFill>
    </fill>
    <fill>
      <patternFill patternType="solid">
        <fgColor rgb="FF99CCFF"/>
        <bgColor indexed="64"/>
      </patternFill>
    </fill>
  </fills>
  <borders count="1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theme="1"/>
      </left>
      <right style="thin">
        <color indexed="64"/>
      </right>
      <top style="thin">
        <color theme="1"/>
      </top>
      <bottom/>
      <diagonal/>
    </border>
    <border>
      <left style="thin">
        <color indexed="64"/>
      </left>
      <right style="thin">
        <color theme="1"/>
      </right>
      <top style="thin">
        <color theme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theme="1"/>
      </left>
      <right style="thin">
        <color indexed="64"/>
      </right>
      <top style="thin">
        <color theme="1"/>
      </top>
      <bottom style="thin">
        <color theme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theme="1"/>
      </right>
      <top style="thin">
        <color indexed="64"/>
      </top>
      <bottom/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indexed="64"/>
      </bottom>
      <diagonal/>
    </border>
    <border>
      <left style="thin">
        <color indexed="64"/>
      </left>
      <right style="thin">
        <color theme="1"/>
      </right>
      <top/>
      <bottom style="thin">
        <color indexed="64"/>
      </bottom>
      <diagonal/>
    </border>
    <border>
      <left style="thin">
        <color theme="1"/>
      </left>
      <right style="thin">
        <color theme="1"/>
      </right>
      <top style="thin">
        <color indexed="64"/>
      </top>
      <bottom style="thin">
        <color indexed="64"/>
      </bottom>
      <diagonal/>
    </border>
    <border>
      <left/>
      <right style="thin">
        <color theme="1"/>
      </right>
      <top style="thin">
        <color indexed="64"/>
      </top>
      <bottom style="thin">
        <color indexed="64"/>
      </bottom>
      <diagonal/>
    </border>
    <border>
      <left style="thin">
        <color theme="1"/>
      </left>
      <right style="thin">
        <color theme="1"/>
      </right>
      <top style="thin">
        <color indexed="64"/>
      </top>
      <bottom style="thin">
        <color theme="1"/>
      </bottom>
      <diagonal/>
    </border>
    <border>
      <left/>
      <right/>
      <top style="thin">
        <color indexed="64"/>
      </top>
      <bottom/>
      <diagonal/>
    </border>
    <border>
      <left style="thin">
        <color theme="1"/>
      </left>
      <right style="thin">
        <color theme="1"/>
      </right>
      <top style="thin">
        <color theme="1"/>
      </top>
      <bottom/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theme="1"/>
      </bottom>
      <diagonal/>
    </border>
    <border>
      <left style="thin">
        <color theme="1"/>
      </left>
      <right style="thin">
        <color theme="1"/>
      </right>
      <top/>
      <bottom/>
      <diagonal/>
    </border>
    <border>
      <left style="thin">
        <color theme="1"/>
      </left>
      <right/>
      <top style="thin">
        <color indexed="64"/>
      </top>
      <bottom style="thin">
        <color indexed="64"/>
      </bottom>
      <diagonal/>
    </border>
    <border>
      <left/>
      <right style="thin">
        <color theme="1"/>
      </right>
      <top style="thin">
        <color theme="1"/>
      </top>
      <bottom style="thin">
        <color theme="1"/>
      </bottom>
      <diagonal/>
    </border>
    <border>
      <left/>
      <right style="thin">
        <color indexed="64"/>
      </right>
      <top/>
      <bottom/>
      <diagonal/>
    </border>
    <border>
      <left style="thin">
        <color theme="1"/>
      </left>
      <right style="thin">
        <color theme="1"/>
      </right>
      <top/>
      <bottom style="thin">
        <color theme="1"/>
      </bottom>
      <diagonal/>
    </border>
    <border>
      <left/>
      <right style="thin">
        <color theme="1"/>
      </right>
      <top style="thin">
        <color theme="1"/>
      </top>
      <bottom style="thin">
        <color indexed="64"/>
      </bottom>
      <diagonal/>
    </border>
    <border>
      <left/>
      <right style="thin">
        <color theme="1"/>
      </right>
      <top/>
      <bottom style="thin">
        <color indexed="64"/>
      </bottom>
      <diagonal/>
    </border>
    <border>
      <left style="thin">
        <color theme="1"/>
      </left>
      <right/>
      <top style="thin">
        <color theme="1"/>
      </top>
      <bottom style="thin">
        <color indexed="64"/>
      </bottom>
      <diagonal/>
    </border>
    <border>
      <left style="thin">
        <color theme="1"/>
      </left>
      <right/>
      <top style="thin">
        <color indexed="64"/>
      </top>
      <bottom style="thin">
        <color theme="1"/>
      </bottom>
      <diagonal/>
    </border>
    <border>
      <left/>
      <right style="thin">
        <color theme="1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theme="1"/>
      </left>
      <right style="thin">
        <color theme="1"/>
      </right>
      <top style="medium">
        <color indexed="64"/>
      </top>
      <bottom style="thin">
        <color theme="1"/>
      </bottom>
      <diagonal/>
    </border>
    <border>
      <left style="thin">
        <color theme="1"/>
      </left>
      <right style="medium">
        <color indexed="64"/>
      </right>
      <top style="medium">
        <color indexed="64"/>
      </top>
      <bottom style="thin">
        <color theme="1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theme="1"/>
      </left>
      <right style="medium">
        <color indexed="64"/>
      </right>
      <top style="thin">
        <color theme="1"/>
      </top>
      <bottom style="thin">
        <color theme="1"/>
      </bottom>
      <diagonal/>
    </border>
    <border>
      <left style="thin">
        <color theme="1"/>
      </left>
      <right style="medium">
        <color indexed="64"/>
      </right>
      <top style="thin">
        <color indexed="64"/>
      </top>
      <bottom style="thin">
        <color theme="1"/>
      </bottom>
      <diagonal/>
    </border>
    <border>
      <left style="thin">
        <color theme="1"/>
      </left>
      <right style="medium">
        <color theme="1"/>
      </right>
      <top style="thin">
        <color theme="1"/>
      </top>
      <bottom style="thin">
        <color theme="1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medium">
        <color indexed="64"/>
      </bottom>
      <diagonal/>
    </border>
    <border>
      <left style="thin">
        <color theme="1"/>
      </left>
      <right style="medium">
        <color indexed="64"/>
      </right>
      <top style="thin">
        <color theme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theme="1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theme="1"/>
      </right>
      <top/>
      <bottom style="thin">
        <color theme="1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theme="1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theme="1"/>
      </left>
      <right style="thin">
        <color indexed="64"/>
      </right>
      <top style="double">
        <color theme="1"/>
      </top>
      <bottom style="thin">
        <color indexed="64"/>
      </bottom>
      <diagonal/>
    </border>
    <border>
      <left style="thin">
        <color indexed="64"/>
      </left>
      <right style="thin">
        <color theme="1"/>
      </right>
      <top style="double">
        <color theme="1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theme="1"/>
      </left>
      <right style="thin">
        <color indexed="64"/>
      </right>
      <top/>
      <bottom/>
      <diagonal/>
    </border>
    <border>
      <left style="thin">
        <color indexed="64"/>
      </left>
      <right style="thin">
        <color theme="1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theme="1" tint="4.9989318521683403E-2"/>
      </left>
      <right style="thin">
        <color theme="1" tint="4.9989318521683403E-2"/>
      </right>
      <top style="thin">
        <color theme="1" tint="4.9989318521683403E-2"/>
      </top>
      <bottom style="thin">
        <color theme="1" tint="4.9989318521683403E-2"/>
      </bottom>
      <diagonal/>
    </border>
    <border>
      <left style="thin">
        <color theme="1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theme="1"/>
      </right>
      <top style="thin">
        <color indexed="64"/>
      </top>
      <bottom style="thin">
        <color indexed="64"/>
      </bottom>
      <diagonal/>
    </border>
    <border>
      <left style="thin">
        <color theme="1"/>
      </left>
      <right style="thin">
        <color indexed="64"/>
      </right>
      <top style="thin">
        <color indexed="64"/>
      </top>
      <bottom style="thin">
        <color theme="1"/>
      </bottom>
      <diagonal/>
    </border>
    <border>
      <left style="thin">
        <color indexed="64"/>
      </left>
      <right style="thin">
        <color theme="1"/>
      </right>
      <top style="thin">
        <color indexed="64"/>
      </top>
      <bottom style="thin">
        <color theme="1"/>
      </bottom>
      <diagonal/>
    </border>
    <border>
      <left style="thin">
        <color indexed="64"/>
      </left>
      <right style="thin">
        <color theme="1"/>
      </right>
      <top style="thin">
        <color theme="1"/>
      </top>
      <bottom style="thin">
        <color theme="1"/>
      </bottom>
      <diagonal/>
    </border>
    <border>
      <left style="thin">
        <color theme="1"/>
      </left>
      <right/>
      <top style="thin">
        <color theme="1"/>
      </top>
      <bottom style="thin">
        <color theme="1"/>
      </bottom>
      <diagonal/>
    </border>
    <border>
      <left style="thin">
        <color theme="1"/>
      </left>
      <right style="thin">
        <color indexed="64"/>
      </right>
      <top/>
      <bottom style="thin">
        <color theme="1"/>
      </bottom>
      <diagonal/>
    </border>
    <border>
      <left style="thin">
        <color indexed="64"/>
      </left>
      <right style="thin">
        <color theme="1"/>
      </right>
      <top/>
      <bottom style="thin">
        <color theme="1"/>
      </bottom>
      <diagonal/>
    </border>
    <border>
      <left/>
      <right style="thick">
        <color indexed="64"/>
      </right>
      <top/>
      <bottom/>
      <diagonal/>
    </border>
    <border>
      <left style="thin">
        <color theme="1"/>
      </left>
      <right style="thin">
        <color indexed="64"/>
      </right>
      <top style="thin">
        <color theme="1"/>
      </top>
      <bottom style="thin">
        <color indexed="64"/>
      </bottom>
      <diagonal/>
    </border>
    <border>
      <left/>
      <right style="medium">
        <color theme="1"/>
      </right>
      <top style="thin">
        <color theme="1"/>
      </top>
      <bottom style="thin">
        <color indexed="64"/>
      </bottom>
      <diagonal/>
    </border>
    <border>
      <left/>
      <right style="medium">
        <color theme="1"/>
      </right>
      <top style="thin">
        <color indexed="64"/>
      </top>
      <bottom/>
      <diagonal/>
    </border>
    <border>
      <left style="thin">
        <color theme="1"/>
      </left>
      <right style="thin">
        <color indexed="64"/>
      </right>
      <top style="thin">
        <color theme="1"/>
      </top>
      <bottom style="medium">
        <color indexed="64"/>
      </bottom>
      <diagonal/>
    </border>
    <border>
      <left style="thin">
        <color indexed="64"/>
      </left>
      <right style="thin">
        <color theme="1"/>
      </right>
      <top style="thin">
        <color theme="1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theme="1"/>
      </right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theme="1"/>
      </bottom>
      <diagonal/>
    </border>
    <border>
      <left style="thin">
        <color theme="1"/>
      </left>
      <right style="thin">
        <color theme="1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theme="1"/>
      </top>
      <bottom style="thin">
        <color theme="1"/>
      </bottom>
      <diagonal/>
    </border>
    <border>
      <left style="thin">
        <color indexed="64"/>
      </left>
      <right/>
      <top style="thin">
        <color theme="1"/>
      </top>
      <bottom/>
      <diagonal/>
    </border>
    <border>
      <left/>
      <right style="thin">
        <color indexed="64"/>
      </right>
      <top style="thin">
        <color theme="1"/>
      </top>
      <bottom/>
      <diagonal/>
    </border>
    <border>
      <left style="thin">
        <color indexed="64"/>
      </left>
      <right/>
      <top style="thin">
        <color theme="1"/>
      </top>
      <bottom style="thin">
        <color indexed="64"/>
      </bottom>
      <diagonal/>
    </border>
    <border>
      <left style="thin">
        <color indexed="64"/>
      </left>
      <right style="thin">
        <color theme="1"/>
      </right>
      <top style="thin">
        <color theme="1"/>
      </top>
      <bottom style="thin">
        <color indexed="64"/>
      </bottom>
      <diagonal/>
    </border>
    <border>
      <left/>
      <right style="thin">
        <color indexed="64"/>
      </right>
      <top style="thin">
        <color theme="1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theme="1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theme="1"/>
      </bottom>
      <diagonal/>
    </border>
    <border>
      <left style="thick">
        <color rgb="FFFF0000"/>
      </left>
      <right/>
      <top/>
      <bottom/>
      <diagonal/>
    </border>
    <border>
      <left/>
      <right style="thin">
        <color indexed="64"/>
      </right>
      <top style="thin">
        <color theme="1"/>
      </top>
      <bottom style="thin">
        <color theme="1"/>
      </bottom>
      <diagonal/>
    </border>
    <border>
      <left style="thin">
        <color theme="1"/>
      </left>
      <right/>
      <top/>
      <bottom/>
      <diagonal/>
    </border>
    <border>
      <left style="thin">
        <color theme="1"/>
      </left>
      <right/>
      <top style="thin">
        <color theme="1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theme="1"/>
      </right>
      <top style="thin">
        <color indexed="64"/>
      </top>
      <bottom style="thin">
        <color theme="1"/>
      </bottom>
      <diagonal/>
    </border>
    <border>
      <left/>
      <right style="thin">
        <color theme="1"/>
      </right>
      <top style="thin">
        <color theme="1"/>
      </top>
      <bottom style="medium">
        <color indexed="64"/>
      </bottom>
      <diagonal/>
    </border>
    <border>
      <left/>
      <right style="thin">
        <color theme="1"/>
      </right>
      <top style="medium">
        <color indexed="64"/>
      </top>
      <bottom style="thin">
        <color theme="1"/>
      </bottom>
      <diagonal/>
    </border>
    <border>
      <left style="thin">
        <color theme="1" tint="4.9989318521683403E-2"/>
      </left>
      <right style="medium">
        <color theme="1" tint="4.9989318521683403E-2"/>
      </right>
      <top style="thin">
        <color theme="1" tint="4.9989318521683403E-2"/>
      </top>
      <bottom style="thin">
        <color theme="1" tint="4.9989318521683403E-2"/>
      </bottom>
      <diagonal/>
    </border>
  </borders>
  <cellStyleXfs count="3">
    <xf numFmtId="0" fontId="0" fillId="0" borderId="0">
      <alignment vertical="center"/>
    </xf>
    <xf numFmtId="0" fontId="16" fillId="0" borderId="0"/>
    <xf numFmtId="0" fontId="18" fillId="0" borderId="0"/>
  </cellStyleXfs>
  <cellXfs count="845">
    <xf numFmtId="0" fontId="0" fillId="0" borderId="0" xfId="0">
      <alignment vertical="center"/>
    </xf>
    <xf numFmtId="176" fontId="2" fillId="2" borderId="0" xfId="0" applyNumberFormat="1" applyFont="1" applyFill="1" applyAlignment="1">
      <alignment vertical="center"/>
    </xf>
    <xf numFmtId="176" fontId="1" fillId="0" borderId="0" xfId="0" applyNumberFormat="1" applyFont="1" applyFill="1" applyAlignment="1">
      <alignment vertical="center"/>
    </xf>
    <xf numFmtId="176" fontId="1" fillId="4" borderId="0" xfId="0" applyNumberFormat="1" applyFont="1" applyFill="1" applyAlignment="1">
      <alignment vertical="center"/>
    </xf>
    <xf numFmtId="176" fontId="1" fillId="4" borderId="0" xfId="0" applyNumberFormat="1" applyFont="1" applyFill="1" applyAlignment="1">
      <alignment horizontal="center" vertical="center"/>
    </xf>
    <xf numFmtId="176" fontId="6" fillId="6" borderId="3" xfId="0" applyNumberFormat="1" applyFont="1" applyFill="1" applyBorder="1" applyAlignment="1">
      <alignment horizontal="center" vertical="center"/>
    </xf>
    <xf numFmtId="176" fontId="6" fillId="6" borderId="4" xfId="0" applyNumberFormat="1" applyFont="1" applyFill="1" applyBorder="1" applyAlignment="1">
      <alignment horizontal="center" vertical="center"/>
    </xf>
    <xf numFmtId="176" fontId="6" fillId="4" borderId="5" xfId="0" applyNumberFormat="1" applyFont="1" applyFill="1" applyBorder="1" applyAlignment="1">
      <alignment horizontal="center" vertical="center"/>
    </xf>
    <xf numFmtId="176" fontId="6" fillId="4" borderId="6" xfId="0" applyNumberFormat="1" applyFont="1" applyFill="1" applyBorder="1" applyAlignment="1">
      <alignment horizontal="center" vertical="center"/>
    </xf>
    <xf numFmtId="176" fontId="6" fillId="4" borderId="7" xfId="0" applyNumberFormat="1" applyFont="1" applyFill="1" applyBorder="1" applyAlignment="1">
      <alignment horizontal="center" vertical="center"/>
    </xf>
    <xf numFmtId="176" fontId="6" fillId="6" borderId="6" xfId="0" applyNumberFormat="1" applyFont="1" applyFill="1" applyBorder="1" applyAlignment="1">
      <alignment horizontal="center" vertical="center"/>
    </xf>
    <xf numFmtId="176" fontId="6" fillId="6" borderId="1" xfId="0" applyNumberFormat="1" applyFont="1" applyFill="1" applyBorder="1" applyAlignment="1">
      <alignment horizontal="center" vertical="center"/>
    </xf>
    <xf numFmtId="176" fontId="6" fillId="0" borderId="1" xfId="0" applyNumberFormat="1" applyFont="1" applyFill="1" applyBorder="1" applyAlignment="1">
      <alignment horizontal="center" vertical="center"/>
    </xf>
    <xf numFmtId="0" fontId="1" fillId="0" borderId="2" xfId="0" applyFont="1" applyFill="1" applyBorder="1" applyAlignment="1">
      <alignment vertical="center"/>
    </xf>
    <xf numFmtId="176" fontId="6" fillId="7" borderId="2" xfId="0" applyNumberFormat="1" applyFont="1" applyFill="1" applyBorder="1" applyAlignment="1">
      <alignment horizontal="center" vertical="center"/>
    </xf>
    <xf numFmtId="176" fontId="6" fillId="4" borderId="1" xfId="0" applyNumberFormat="1" applyFont="1" applyFill="1" applyBorder="1" applyAlignment="1">
      <alignment horizontal="center" vertical="center"/>
    </xf>
    <xf numFmtId="0" fontId="0" fillId="0" borderId="1" xfId="0" applyFont="1" applyFill="1" applyBorder="1" applyAlignment="1">
      <alignment vertical="center"/>
    </xf>
    <xf numFmtId="0" fontId="1" fillId="0" borderId="1" xfId="0" applyFont="1" applyFill="1" applyBorder="1" applyAlignment="1">
      <alignment vertical="center"/>
    </xf>
    <xf numFmtId="0" fontId="1" fillId="0" borderId="7" xfId="0" applyFont="1" applyFill="1" applyBorder="1" applyAlignment="1">
      <alignment vertical="center"/>
    </xf>
    <xf numFmtId="176" fontId="6" fillId="6" borderId="8" xfId="0" applyNumberFormat="1" applyFont="1" applyFill="1" applyBorder="1" applyAlignment="1">
      <alignment horizontal="center" vertical="center"/>
    </xf>
    <xf numFmtId="0" fontId="1" fillId="0" borderId="9" xfId="0" applyFont="1" applyFill="1" applyBorder="1" applyAlignment="1">
      <alignment vertical="center"/>
    </xf>
    <xf numFmtId="0" fontId="1" fillId="0" borderId="6" xfId="0" applyFont="1" applyFill="1" applyBorder="1" applyAlignment="1">
      <alignment vertical="center"/>
    </xf>
    <xf numFmtId="176" fontId="6" fillId="7" borderId="10" xfId="0" applyNumberFormat="1" applyFont="1" applyFill="1" applyBorder="1" applyAlignment="1">
      <alignment horizontal="center" vertical="center"/>
    </xf>
    <xf numFmtId="0" fontId="8" fillId="0" borderId="2" xfId="0" applyFont="1" applyFill="1" applyBorder="1" applyAlignment="1">
      <alignment vertical="center" wrapText="1" shrinkToFit="1"/>
    </xf>
    <xf numFmtId="176" fontId="6" fillId="6" borderId="7" xfId="0" applyNumberFormat="1" applyFont="1" applyFill="1" applyBorder="1" applyAlignment="1">
      <alignment horizontal="center" vertical="center"/>
    </xf>
    <xf numFmtId="0" fontId="0" fillId="0" borderId="2" xfId="0" applyFont="1" applyFill="1" applyBorder="1" applyAlignment="1">
      <alignment vertical="center"/>
    </xf>
    <xf numFmtId="176" fontId="6" fillId="6" borderId="12" xfId="0" applyNumberFormat="1" applyFont="1" applyFill="1" applyBorder="1" applyAlignment="1">
      <alignment horizontal="center" vertical="center"/>
    </xf>
    <xf numFmtId="176" fontId="6" fillId="4" borderId="8" xfId="0" applyNumberFormat="1" applyFont="1" applyFill="1" applyBorder="1" applyAlignment="1">
      <alignment horizontal="center" vertical="center"/>
    </xf>
    <xf numFmtId="176" fontId="6" fillId="6" borderId="13" xfId="0" applyNumberFormat="1" applyFont="1" applyFill="1" applyBorder="1" applyAlignment="1">
      <alignment horizontal="center" vertical="center"/>
    </xf>
    <xf numFmtId="176" fontId="6" fillId="4" borderId="13" xfId="0" applyNumberFormat="1" applyFont="1" applyFill="1" applyBorder="1" applyAlignment="1">
      <alignment horizontal="center" vertical="center"/>
    </xf>
    <xf numFmtId="0" fontId="0" fillId="0" borderId="9" xfId="0" applyFont="1" applyFill="1" applyBorder="1" applyAlignment="1">
      <alignment vertical="center"/>
    </xf>
    <xf numFmtId="176" fontId="6" fillId="4" borderId="9" xfId="0" applyNumberFormat="1" applyFont="1" applyFill="1" applyBorder="1" applyAlignment="1">
      <alignment horizontal="center" vertical="center"/>
    </xf>
    <xf numFmtId="176" fontId="6" fillId="6" borderId="9" xfId="0" applyNumberFormat="1" applyFont="1" applyFill="1" applyBorder="1" applyAlignment="1">
      <alignment horizontal="center" vertical="center"/>
    </xf>
    <xf numFmtId="176" fontId="6" fillId="6" borderId="15" xfId="0" applyNumberFormat="1" applyFont="1" applyFill="1" applyBorder="1" applyAlignment="1">
      <alignment horizontal="center" vertical="center"/>
    </xf>
    <xf numFmtId="0" fontId="0" fillId="0" borderId="16" xfId="0" applyFont="1" applyFill="1" applyBorder="1" applyAlignment="1">
      <alignment vertical="center"/>
    </xf>
    <xf numFmtId="176" fontId="6" fillId="6" borderId="17" xfId="0" applyNumberFormat="1" applyFont="1" applyFill="1" applyBorder="1" applyAlignment="1">
      <alignment horizontal="center" vertical="center"/>
    </xf>
    <xf numFmtId="0" fontId="8" fillId="0" borderId="1" xfId="0" applyFont="1" applyFill="1" applyBorder="1" applyAlignment="1">
      <alignment vertical="center" wrapText="1" shrinkToFit="1"/>
    </xf>
    <xf numFmtId="176" fontId="6" fillId="6" borderId="18" xfId="0" applyNumberFormat="1" applyFont="1" applyFill="1" applyBorder="1" applyAlignment="1">
      <alignment horizontal="center" vertical="center"/>
    </xf>
    <xf numFmtId="0" fontId="0" fillId="0" borderId="1" xfId="0" applyFont="1" applyFill="1" applyBorder="1" applyAlignment="1">
      <alignment vertical="center" shrinkToFit="1"/>
    </xf>
    <xf numFmtId="176" fontId="1" fillId="0" borderId="2" xfId="0" applyNumberFormat="1" applyFont="1" applyFill="1" applyBorder="1" applyAlignment="1">
      <alignment vertical="center"/>
    </xf>
    <xf numFmtId="176" fontId="6" fillId="6" borderId="19" xfId="0" applyNumberFormat="1" applyFont="1" applyFill="1" applyBorder="1" applyAlignment="1">
      <alignment horizontal="center" vertical="center"/>
    </xf>
    <xf numFmtId="176" fontId="1" fillId="0" borderId="0" xfId="0" applyNumberFormat="1" applyFont="1" applyFill="1" applyAlignment="1">
      <alignment horizontal="center" vertical="center"/>
    </xf>
    <xf numFmtId="0" fontId="1" fillId="4" borderId="0" xfId="0" applyFont="1" applyFill="1">
      <alignment vertical="center"/>
    </xf>
    <xf numFmtId="0" fontId="1" fillId="4" borderId="0" xfId="0" applyFont="1" applyFill="1" applyAlignment="1">
      <alignment horizontal="center" vertical="center"/>
    </xf>
    <xf numFmtId="0" fontId="9" fillId="4" borderId="0" xfId="0" applyFont="1" applyFill="1" applyBorder="1" applyAlignment="1">
      <alignment horizontal="center" wrapText="1"/>
    </xf>
    <xf numFmtId="0" fontId="6" fillId="7" borderId="1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center" vertical="center"/>
    </xf>
    <xf numFmtId="0" fontId="6" fillId="7" borderId="7" xfId="0" applyFont="1" applyFill="1" applyBorder="1" applyAlignment="1">
      <alignment horizontal="center" vertical="center"/>
    </xf>
    <xf numFmtId="0" fontId="6" fillId="6" borderId="6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7" xfId="0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center" vertical="center"/>
    </xf>
    <xf numFmtId="20" fontId="6" fillId="7" borderId="2" xfId="0" applyNumberFormat="1" applyFont="1" applyFill="1" applyBorder="1" applyAlignment="1">
      <alignment horizontal="center" vertical="center"/>
    </xf>
    <xf numFmtId="20" fontId="6" fillId="0" borderId="22" xfId="0" applyNumberFormat="1" applyFont="1" applyFill="1" applyBorder="1" applyAlignment="1">
      <alignment horizontal="center" vertical="center"/>
    </xf>
    <xf numFmtId="20" fontId="6" fillId="6" borderId="22" xfId="0" applyNumberFormat="1" applyFont="1" applyFill="1" applyBorder="1" applyAlignment="1">
      <alignment horizontal="center" vertical="center"/>
    </xf>
    <xf numFmtId="20" fontId="6" fillId="7" borderId="1" xfId="0" applyNumberFormat="1" applyFont="1" applyFill="1" applyBorder="1" applyAlignment="1">
      <alignment horizontal="center" vertical="center"/>
    </xf>
    <xf numFmtId="20" fontId="6" fillId="0" borderId="1" xfId="0" applyNumberFormat="1" applyFont="1" applyFill="1" applyBorder="1" applyAlignment="1">
      <alignment horizontal="center" vertical="center"/>
    </xf>
    <xf numFmtId="20" fontId="6" fillId="0" borderId="2" xfId="0" applyNumberFormat="1" applyFont="1" applyFill="1" applyBorder="1" applyAlignment="1">
      <alignment horizontal="center" vertical="center"/>
    </xf>
    <xf numFmtId="20" fontId="6" fillId="6" borderId="7" xfId="0" applyNumberFormat="1" applyFont="1" applyFill="1" applyBorder="1" applyAlignment="1">
      <alignment horizontal="center" vertical="center"/>
    </xf>
    <xf numFmtId="0" fontId="0" fillId="0" borderId="22" xfId="0" applyFont="1" applyBorder="1" applyAlignment="1">
      <alignment vertical="center" shrinkToFit="1"/>
    </xf>
    <xf numFmtId="20" fontId="6" fillId="6" borderId="10" xfId="0" applyNumberFormat="1" applyFont="1" applyFill="1" applyBorder="1" applyAlignment="1">
      <alignment horizontal="center" vertical="center"/>
    </xf>
    <xf numFmtId="0" fontId="0" fillId="0" borderId="25" xfId="0" applyFont="1" applyBorder="1" applyAlignment="1">
      <alignment vertical="center" shrinkToFit="1"/>
    </xf>
    <xf numFmtId="20" fontId="6" fillId="6" borderId="8" xfId="0" applyNumberFormat="1" applyFont="1" applyFill="1" applyBorder="1" applyAlignment="1">
      <alignment horizontal="center" vertical="center"/>
    </xf>
    <xf numFmtId="0" fontId="0" fillId="0" borderId="22" xfId="0" applyNumberFormat="1" applyFont="1" applyBorder="1" applyAlignment="1">
      <alignment vertical="center"/>
    </xf>
    <xf numFmtId="20" fontId="6" fillId="0" borderId="1" xfId="0" applyNumberFormat="1" applyFont="1" applyBorder="1" applyAlignment="1">
      <alignment horizontal="center" vertical="center"/>
    </xf>
    <xf numFmtId="20" fontId="6" fillId="0" borderId="22" xfId="0" applyNumberFormat="1" applyFont="1" applyBorder="1" applyAlignment="1">
      <alignment horizontal="center" vertical="center"/>
    </xf>
    <xf numFmtId="0" fontId="10" fillId="4" borderId="0" xfId="0" applyFont="1" applyFill="1" applyBorder="1" applyAlignment="1">
      <alignment horizontal="center" vertical="center" textRotation="255"/>
    </xf>
    <xf numFmtId="176" fontId="1" fillId="11" borderId="0" xfId="0" applyNumberFormat="1" applyFont="1" applyFill="1" applyAlignment="1">
      <alignment vertical="center"/>
    </xf>
    <xf numFmtId="0" fontId="9" fillId="4" borderId="0" xfId="0" applyFont="1" applyFill="1" applyBorder="1" applyAlignment="1">
      <alignment horizontal="center"/>
    </xf>
    <xf numFmtId="176" fontId="6" fillId="7" borderId="1" xfId="0" applyNumberFormat="1" applyFont="1" applyFill="1" applyBorder="1" applyAlignment="1">
      <alignment horizontal="center" vertical="center" shrinkToFit="1"/>
    </xf>
    <xf numFmtId="176" fontId="6" fillId="6" borderId="28" xfId="0" applyNumberFormat="1" applyFont="1" applyFill="1" applyBorder="1" applyAlignment="1">
      <alignment horizontal="center" vertical="center"/>
    </xf>
    <xf numFmtId="176" fontId="6" fillId="6" borderId="29" xfId="0" applyNumberFormat="1" applyFont="1" applyFill="1" applyBorder="1" applyAlignment="1">
      <alignment horizontal="center" vertical="center"/>
    </xf>
    <xf numFmtId="176" fontId="0" fillId="0" borderId="1" xfId="0" applyNumberFormat="1" applyFont="1" applyFill="1" applyBorder="1" applyAlignment="1">
      <alignment vertical="center"/>
    </xf>
    <xf numFmtId="176" fontId="6" fillId="6" borderId="30" xfId="0" applyNumberFormat="1" applyFont="1" applyFill="1" applyBorder="1" applyAlignment="1">
      <alignment horizontal="center" vertical="center"/>
    </xf>
    <xf numFmtId="176" fontId="6" fillId="6" borderId="24" xfId="0" applyNumberFormat="1" applyFont="1" applyFill="1" applyBorder="1" applyAlignment="1">
      <alignment horizontal="center" vertical="center"/>
    </xf>
    <xf numFmtId="176" fontId="1" fillId="0" borderId="1" xfId="0" applyNumberFormat="1" applyFont="1" applyFill="1" applyBorder="1" applyAlignment="1">
      <alignment vertical="center"/>
    </xf>
    <xf numFmtId="176" fontId="0" fillId="0" borderId="6" xfId="0" applyNumberFormat="1" applyFont="1" applyFill="1" applyBorder="1" applyAlignment="1">
      <alignment vertical="center" shrinkToFit="1"/>
    </xf>
    <xf numFmtId="176" fontId="0" fillId="0" borderId="22" xfId="0" applyNumberFormat="1" applyFont="1" applyFill="1" applyBorder="1" applyAlignment="1">
      <alignment vertical="center" shrinkToFit="1"/>
    </xf>
    <xf numFmtId="176" fontId="6" fillId="6" borderId="31" xfId="0" applyNumberFormat="1" applyFont="1" applyFill="1" applyBorder="1" applyAlignment="1">
      <alignment horizontal="center" vertical="center"/>
    </xf>
    <xf numFmtId="176" fontId="6" fillId="6" borderId="11" xfId="0" applyNumberFormat="1" applyFont="1" applyFill="1" applyBorder="1" applyAlignment="1">
      <alignment horizontal="center" vertical="center"/>
    </xf>
    <xf numFmtId="176" fontId="3" fillId="0" borderId="1" xfId="0" applyNumberFormat="1" applyFont="1" applyFill="1" applyBorder="1" applyAlignment="1">
      <alignment vertical="center" wrapText="1" shrinkToFit="1"/>
    </xf>
    <xf numFmtId="0" fontId="0" fillId="0" borderId="6" xfId="0" applyFont="1" applyFill="1" applyBorder="1" applyAlignment="1">
      <alignment vertical="center" wrapText="1" shrinkToFit="1"/>
    </xf>
    <xf numFmtId="176" fontId="0" fillId="0" borderId="9" xfId="0" applyNumberFormat="1" applyFont="1" applyFill="1" applyBorder="1" applyAlignment="1">
      <alignment vertical="center" shrinkToFit="1"/>
    </xf>
    <xf numFmtId="0" fontId="3" fillId="0" borderId="1" xfId="0" applyFont="1" applyFill="1" applyBorder="1" applyAlignment="1">
      <alignment vertical="center" wrapText="1" shrinkToFit="1"/>
    </xf>
    <xf numFmtId="176" fontId="6" fillId="6" borderId="32" xfId="0" applyNumberFormat="1" applyFont="1" applyFill="1" applyBorder="1" applyAlignment="1">
      <alignment horizontal="center" vertical="center"/>
    </xf>
    <xf numFmtId="176" fontId="6" fillId="6" borderId="5" xfId="0" applyNumberFormat="1" applyFont="1" applyFill="1" applyBorder="1" applyAlignment="1">
      <alignment horizontal="center" vertical="center"/>
    </xf>
    <xf numFmtId="176" fontId="6" fillId="0" borderId="8" xfId="0" applyNumberFormat="1" applyFont="1" applyFill="1" applyBorder="1" applyAlignment="1">
      <alignment horizontal="center" vertical="center"/>
    </xf>
    <xf numFmtId="176" fontId="0" fillId="0" borderId="1" xfId="0" applyNumberFormat="1" applyFont="1" applyFill="1" applyBorder="1" applyAlignment="1">
      <alignment vertical="center" shrinkToFit="1"/>
    </xf>
    <xf numFmtId="0" fontId="1" fillId="14" borderId="0" xfId="0" applyFont="1" applyFill="1">
      <alignment vertical="center"/>
    </xf>
    <xf numFmtId="0" fontId="1" fillId="0" borderId="0" xfId="0" applyFont="1" applyFill="1">
      <alignment vertical="center"/>
    </xf>
    <xf numFmtId="0" fontId="1" fillId="4" borderId="33" xfId="0" applyFont="1" applyFill="1" applyBorder="1" applyAlignment="1">
      <alignment horizontal="center" vertical="center"/>
    </xf>
    <xf numFmtId="0" fontId="1" fillId="4" borderId="33" xfId="0" applyFont="1" applyFill="1" applyBorder="1" applyAlignment="1">
      <alignment horizontal="center" vertical="center" shrinkToFit="1"/>
    </xf>
    <xf numFmtId="0" fontId="7" fillId="15" borderId="1" xfId="0" applyFont="1" applyFill="1" applyBorder="1" applyAlignment="1">
      <alignment horizontal="center" vertical="center" shrinkToFit="1"/>
    </xf>
    <xf numFmtId="0" fontId="7" fillId="0" borderId="1" xfId="0" applyFont="1" applyFill="1" applyBorder="1" applyAlignment="1">
      <alignment horizontal="center" vertical="center"/>
    </xf>
    <xf numFmtId="0" fontId="7" fillId="6" borderId="1" xfId="0" applyFont="1" applyFill="1" applyBorder="1" applyAlignment="1">
      <alignment horizontal="center" vertical="center"/>
    </xf>
    <xf numFmtId="0" fontId="7" fillId="16" borderId="1" xfId="0" applyFont="1" applyFill="1" applyBorder="1" applyAlignment="1">
      <alignment horizontal="center" vertical="center"/>
    </xf>
    <xf numFmtId="0" fontId="7" fillId="15" borderId="6" xfId="0" applyFont="1" applyFill="1" applyBorder="1" applyAlignment="1">
      <alignment horizontal="center" vertical="center" shrinkToFit="1"/>
    </xf>
    <xf numFmtId="0" fontId="7" fillId="0" borderId="7" xfId="0" applyFont="1" applyFill="1" applyBorder="1" applyAlignment="1">
      <alignment horizontal="center" vertical="center"/>
    </xf>
    <xf numFmtId="0" fontId="7" fillId="17" borderId="6" xfId="0" applyFont="1" applyFill="1" applyBorder="1" applyAlignment="1">
      <alignment horizontal="center" vertical="center"/>
    </xf>
    <xf numFmtId="0" fontId="7" fillId="6" borderId="6" xfId="0" applyFont="1" applyFill="1" applyBorder="1" applyAlignment="1">
      <alignment horizontal="center" vertical="center"/>
    </xf>
    <xf numFmtId="0" fontId="7" fillId="16" borderId="6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1" fillId="0" borderId="0" xfId="0" applyFont="1" applyFill="1" applyAlignment="1">
      <alignment horizontal="center" vertical="center"/>
    </xf>
    <xf numFmtId="0" fontId="1" fillId="0" borderId="1" xfId="0" applyFont="1" applyFill="1" applyBorder="1" applyAlignment="1">
      <alignment vertical="center" shrinkToFit="1"/>
    </xf>
    <xf numFmtId="20" fontId="1" fillId="0" borderId="1" xfId="0" applyNumberFormat="1" applyFont="1" applyFill="1" applyBorder="1" applyAlignment="1">
      <alignment horizontal="center" vertical="center"/>
    </xf>
    <xf numFmtId="20" fontId="6" fillId="16" borderId="1" xfId="0" applyNumberFormat="1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20" fontId="6" fillId="17" borderId="1" xfId="0" applyNumberFormat="1" applyFont="1" applyFill="1" applyBorder="1" applyAlignment="1">
      <alignment horizontal="center" vertical="center"/>
    </xf>
    <xf numFmtId="20" fontId="1" fillId="0" borderId="0" xfId="0" applyNumberFormat="1" applyFont="1" applyFill="1" applyAlignment="1">
      <alignment horizontal="center" vertical="center"/>
    </xf>
    <xf numFmtId="0" fontId="1" fillId="0" borderId="6" xfId="0" applyFont="1" applyFill="1" applyBorder="1" applyAlignment="1">
      <alignment vertical="center" shrinkToFit="1"/>
    </xf>
    <xf numFmtId="0" fontId="0" fillId="0" borderId="22" xfId="0" applyFont="1" applyFill="1" applyBorder="1" applyAlignment="1">
      <alignment vertical="center" shrinkToFit="1"/>
    </xf>
    <xf numFmtId="20" fontId="1" fillId="0" borderId="8" xfId="0" applyNumberFormat="1" applyFont="1" applyFill="1" applyBorder="1" applyAlignment="1">
      <alignment horizontal="center" vertical="center"/>
    </xf>
    <xf numFmtId="0" fontId="1" fillId="0" borderId="9" xfId="0" applyFont="1" applyFill="1" applyBorder="1" applyAlignment="1">
      <alignment vertical="center" shrinkToFit="1"/>
    </xf>
    <xf numFmtId="0" fontId="6" fillId="17" borderId="1" xfId="0" applyFont="1" applyFill="1" applyBorder="1" applyAlignment="1">
      <alignment horizontal="center" vertical="center"/>
    </xf>
    <xf numFmtId="0" fontId="1" fillId="4" borderId="0" xfId="0" applyFont="1" applyFill="1" applyBorder="1" applyAlignment="1">
      <alignment horizontal="center" vertical="center"/>
    </xf>
    <xf numFmtId="20" fontId="1" fillId="4" borderId="0" xfId="0" applyNumberFormat="1" applyFont="1" applyFill="1" applyBorder="1" applyAlignment="1">
      <alignment horizontal="center" vertical="center"/>
    </xf>
    <xf numFmtId="0" fontId="1" fillId="4" borderId="0" xfId="0" applyFont="1" applyFill="1" applyBorder="1" applyAlignment="1">
      <alignment horizontal="center" vertical="center" shrinkToFit="1"/>
    </xf>
    <xf numFmtId="20" fontId="1" fillId="0" borderId="0" xfId="0" applyNumberFormat="1" applyFont="1" applyFill="1">
      <alignment vertical="center"/>
    </xf>
    <xf numFmtId="0" fontId="1" fillId="4" borderId="0" xfId="0" applyFont="1" applyFill="1" applyBorder="1" applyAlignment="1">
      <alignment vertical="center"/>
    </xf>
    <xf numFmtId="20" fontId="1" fillId="4" borderId="0" xfId="0" applyNumberFormat="1" applyFont="1" applyFill="1" applyAlignment="1">
      <alignment horizontal="center" vertical="center"/>
    </xf>
    <xf numFmtId="20" fontId="1" fillId="4" borderId="0" xfId="0" applyNumberFormat="1" applyFont="1" applyFill="1">
      <alignment vertical="center"/>
    </xf>
    <xf numFmtId="176" fontId="1" fillId="0" borderId="0" xfId="0" applyNumberFormat="1" applyFont="1" applyFill="1" applyBorder="1" applyAlignment="1">
      <alignment horizontal="center" vertical="center"/>
    </xf>
    <xf numFmtId="176" fontId="12" fillId="0" borderId="0" xfId="0" applyNumberFormat="1" applyFont="1" applyFill="1" applyBorder="1" applyAlignment="1">
      <alignment horizontal="center" vertical="center"/>
    </xf>
    <xf numFmtId="176" fontId="12" fillId="0" borderId="0" xfId="0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 vertical="center" shrinkToFit="1"/>
    </xf>
    <xf numFmtId="0" fontId="1" fillId="0" borderId="0" xfId="0" applyFont="1" applyFill="1" applyBorder="1" applyAlignment="1">
      <alignment horizontal="center" vertical="center"/>
    </xf>
    <xf numFmtId="49" fontId="14" fillId="0" borderId="0" xfId="0" applyNumberFormat="1" applyFont="1" applyBorder="1" applyAlignment="1">
      <alignment horizontal="center" vertical="center" textRotation="255" readingOrder="1"/>
    </xf>
    <xf numFmtId="0" fontId="15" fillId="0" borderId="0" xfId="0" applyFont="1" applyFill="1" applyBorder="1" applyAlignment="1">
      <alignment horizontal="center" vertical="center"/>
    </xf>
    <xf numFmtId="20" fontId="3" fillId="0" borderId="0" xfId="0" applyNumberFormat="1" applyFont="1" applyFill="1" applyBorder="1" applyAlignment="1">
      <alignment horizontal="center" vertical="center"/>
    </xf>
    <xf numFmtId="20" fontId="7" fillId="0" borderId="0" xfId="0" applyNumberFormat="1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left" vertical="center"/>
    </xf>
    <xf numFmtId="176" fontId="1" fillId="26" borderId="0" xfId="0" applyNumberFormat="1" applyFont="1" applyFill="1" applyAlignment="1">
      <alignment vertical="center"/>
    </xf>
    <xf numFmtId="176" fontId="1" fillId="4" borderId="0" xfId="0" applyNumberFormat="1" applyFont="1" applyFill="1" applyBorder="1" applyAlignment="1">
      <alignment vertical="center"/>
    </xf>
    <xf numFmtId="0" fontId="1" fillId="28" borderId="37" xfId="0" applyFont="1" applyFill="1" applyBorder="1" applyAlignment="1">
      <alignment horizontal="center" vertical="center"/>
    </xf>
    <xf numFmtId="0" fontId="1" fillId="0" borderId="51" xfId="0" applyFont="1" applyFill="1" applyBorder="1" applyAlignment="1">
      <alignment horizontal="center" vertical="center"/>
    </xf>
    <xf numFmtId="0" fontId="6" fillId="7" borderId="51" xfId="0" applyFont="1" applyFill="1" applyBorder="1" applyAlignment="1">
      <alignment horizontal="center" vertical="center"/>
    </xf>
    <xf numFmtId="0" fontId="6" fillId="4" borderId="52" xfId="0" applyFont="1" applyFill="1" applyBorder="1" applyAlignment="1">
      <alignment horizontal="center" vertical="center"/>
    </xf>
    <xf numFmtId="0" fontId="6" fillId="7" borderId="37" xfId="0" applyFont="1" applyFill="1" applyBorder="1" applyAlignment="1">
      <alignment horizontal="center" vertical="center"/>
    </xf>
    <xf numFmtId="0" fontId="6" fillId="4" borderId="37" xfId="0" applyFont="1" applyFill="1" applyBorder="1" applyAlignment="1">
      <alignment horizontal="center" vertical="center"/>
    </xf>
    <xf numFmtId="0" fontId="6" fillId="7" borderId="39" xfId="0" applyFont="1" applyFill="1" applyBorder="1" applyAlignment="1">
      <alignment horizontal="center" vertical="center"/>
    </xf>
    <xf numFmtId="0" fontId="1" fillId="28" borderId="51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vertical="center" shrinkToFit="1"/>
    </xf>
    <xf numFmtId="0" fontId="1" fillId="0" borderId="11" xfId="0" applyFont="1" applyBorder="1" applyAlignment="1">
      <alignment vertical="center" shrinkToFit="1"/>
    </xf>
    <xf numFmtId="20" fontId="6" fillId="7" borderId="9" xfId="0" applyNumberFormat="1" applyFont="1" applyFill="1" applyBorder="1" applyAlignment="1">
      <alignment horizontal="center" vertical="center"/>
    </xf>
    <xf numFmtId="20" fontId="6" fillId="4" borderId="9" xfId="0" applyNumberFormat="1" applyFont="1" applyFill="1" applyBorder="1" applyAlignment="1">
      <alignment horizontal="center" vertical="center"/>
    </xf>
    <xf numFmtId="20" fontId="6" fillId="7" borderId="44" xfId="0" applyNumberFormat="1" applyFont="1" applyFill="1" applyBorder="1" applyAlignment="1">
      <alignment horizontal="center" vertical="center"/>
    </xf>
    <xf numFmtId="0" fontId="1" fillId="0" borderId="33" xfId="0" applyFont="1" applyFill="1" applyBorder="1" applyAlignment="1">
      <alignment vertical="center" shrinkToFit="1"/>
    </xf>
    <xf numFmtId="0" fontId="1" fillId="0" borderId="2" xfId="0" applyFont="1" applyBorder="1" applyAlignment="1">
      <alignment vertical="center" shrinkToFit="1"/>
    </xf>
    <xf numFmtId="20" fontId="6" fillId="4" borderId="1" xfId="0" applyNumberFormat="1" applyFont="1" applyFill="1" applyBorder="1" applyAlignment="1">
      <alignment horizontal="center" vertical="center"/>
    </xf>
    <xf numFmtId="20" fontId="6" fillId="7" borderId="54" xfId="0" applyNumberFormat="1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vertical="center" shrinkToFit="1"/>
    </xf>
    <xf numFmtId="0" fontId="1" fillId="0" borderId="20" xfId="0" applyFont="1" applyFill="1" applyBorder="1" applyAlignment="1">
      <alignment vertical="center" shrinkToFit="1"/>
    </xf>
    <xf numFmtId="0" fontId="0" fillId="0" borderId="8" xfId="0" applyFont="1" applyFill="1" applyBorder="1" applyAlignment="1">
      <alignment vertical="center" shrinkToFit="1"/>
    </xf>
    <xf numFmtId="0" fontId="1" fillId="0" borderId="10" xfId="0" applyFont="1" applyBorder="1" applyAlignment="1">
      <alignment vertical="center" shrinkToFit="1"/>
    </xf>
    <xf numFmtId="20" fontId="6" fillId="4" borderId="2" xfId="0" applyNumberFormat="1" applyFont="1" applyFill="1" applyBorder="1" applyAlignment="1">
      <alignment horizontal="center" vertical="center"/>
    </xf>
    <xf numFmtId="20" fontId="0" fillId="4" borderId="0" xfId="0" applyNumberFormat="1" applyFont="1" applyFill="1" applyBorder="1" applyAlignment="1">
      <alignment horizontal="center" vertical="center"/>
    </xf>
    <xf numFmtId="0" fontId="0" fillId="0" borderId="6" xfId="0" applyFont="1" applyFill="1" applyBorder="1" applyAlignment="1">
      <alignment vertical="center" shrinkToFit="1"/>
    </xf>
    <xf numFmtId="0" fontId="1" fillId="2" borderId="10" xfId="0" applyFont="1" applyFill="1" applyBorder="1" applyAlignment="1">
      <alignment vertical="center" shrinkToFit="1"/>
    </xf>
    <xf numFmtId="0" fontId="0" fillId="0" borderId="9" xfId="0" applyFont="1" applyFill="1" applyBorder="1" applyAlignment="1">
      <alignment horizontal="right" vertical="center" shrinkToFit="1"/>
    </xf>
    <xf numFmtId="0" fontId="1" fillId="0" borderId="2" xfId="0" applyFont="1" applyFill="1" applyBorder="1" applyAlignment="1">
      <alignment vertical="center" shrinkToFit="1"/>
    </xf>
    <xf numFmtId="176" fontId="6" fillId="7" borderId="1" xfId="0" applyNumberFormat="1" applyFont="1" applyFill="1" applyBorder="1" applyAlignment="1">
      <alignment horizontal="center" vertical="center"/>
    </xf>
    <xf numFmtId="0" fontId="1" fillId="29" borderId="2" xfId="0" applyFont="1" applyFill="1" applyBorder="1" applyAlignment="1">
      <alignment vertical="center" shrinkToFit="1"/>
    </xf>
    <xf numFmtId="0" fontId="0" fillId="0" borderId="10" xfId="0" applyFont="1" applyFill="1" applyBorder="1" applyAlignment="1">
      <alignment vertical="center" shrinkToFit="1"/>
    </xf>
    <xf numFmtId="20" fontId="1" fillId="29" borderId="2" xfId="0" applyNumberFormat="1" applyFont="1" applyFill="1" applyBorder="1" applyAlignment="1">
      <alignment vertical="center" shrinkToFit="1"/>
    </xf>
    <xf numFmtId="20" fontId="1" fillId="0" borderId="2" xfId="0" applyNumberFormat="1" applyFont="1" applyBorder="1" applyAlignment="1">
      <alignment vertical="center" shrinkToFit="1"/>
    </xf>
    <xf numFmtId="176" fontId="6" fillId="7" borderId="54" xfId="0" applyNumberFormat="1" applyFont="1" applyFill="1" applyBorder="1" applyAlignment="1">
      <alignment horizontal="center" vertical="center"/>
    </xf>
    <xf numFmtId="20" fontId="6" fillId="7" borderId="6" xfId="0" applyNumberFormat="1" applyFont="1" applyFill="1" applyBorder="1" applyAlignment="1">
      <alignment horizontal="center" vertical="center"/>
    </xf>
    <xf numFmtId="20" fontId="6" fillId="4" borderId="6" xfId="0" applyNumberFormat="1" applyFont="1" applyFill="1" applyBorder="1" applyAlignment="1">
      <alignment horizontal="center" vertical="center"/>
    </xf>
    <xf numFmtId="20" fontId="6" fillId="7" borderId="55" xfId="0" applyNumberFormat="1" applyFont="1" applyFill="1" applyBorder="1" applyAlignment="1">
      <alignment horizontal="center" vertical="center"/>
    </xf>
    <xf numFmtId="0" fontId="1" fillId="0" borderId="22" xfId="0" applyFont="1" applyFill="1" applyBorder="1" applyAlignment="1">
      <alignment vertical="center" shrinkToFit="1"/>
    </xf>
    <xf numFmtId="20" fontId="6" fillId="7" borderId="8" xfId="0" applyNumberFormat="1" applyFont="1" applyFill="1" applyBorder="1" applyAlignment="1">
      <alignment horizontal="center" vertical="center"/>
    </xf>
    <xf numFmtId="0" fontId="0" fillId="0" borderId="56" xfId="0" applyFont="1" applyFill="1" applyBorder="1" applyAlignment="1">
      <alignment vertical="center" shrinkToFit="1"/>
    </xf>
    <xf numFmtId="0" fontId="1" fillId="0" borderId="13" xfId="0" applyFont="1" applyFill="1" applyBorder="1" applyAlignment="1">
      <alignment vertical="center" shrinkToFit="1"/>
    </xf>
    <xf numFmtId="0" fontId="1" fillId="0" borderId="8" xfId="0" applyFont="1" applyFill="1" applyBorder="1" applyAlignment="1">
      <alignment vertical="center" shrinkToFit="1"/>
    </xf>
    <xf numFmtId="0" fontId="0" fillId="0" borderId="58" xfId="0" applyFont="1" applyFill="1" applyBorder="1" applyAlignment="1">
      <alignment vertical="center" shrinkToFit="1"/>
    </xf>
    <xf numFmtId="20" fontId="6" fillId="7" borderId="58" xfId="0" applyNumberFormat="1" applyFont="1" applyFill="1" applyBorder="1" applyAlignment="1">
      <alignment horizontal="center" vertical="center"/>
    </xf>
    <xf numFmtId="20" fontId="6" fillId="4" borderId="58" xfId="0" applyNumberFormat="1" applyFont="1" applyFill="1" applyBorder="1" applyAlignment="1">
      <alignment horizontal="center" vertical="center"/>
    </xf>
    <xf numFmtId="20" fontId="6" fillId="7" borderId="59" xfId="0" applyNumberFormat="1" applyFont="1" applyFill="1" applyBorder="1" applyAlignment="1">
      <alignment horizontal="center" vertical="center"/>
    </xf>
    <xf numFmtId="0" fontId="1" fillId="0" borderId="58" xfId="0" applyFont="1" applyFill="1" applyBorder="1" applyAlignment="1">
      <alignment vertical="center" shrinkToFit="1"/>
    </xf>
    <xf numFmtId="0" fontId="1" fillId="0" borderId="60" xfId="0" applyFont="1" applyBorder="1" applyAlignment="1">
      <alignment vertical="center" shrinkToFit="1"/>
    </xf>
    <xf numFmtId="176" fontId="6" fillId="7" borderId="58" xfId="0" applyNumberFormat="1" applyFont="1" applyFill="1" applyBorder="1" applyAlignment="1">
      <alignment horizontal="center" vertical="center"/>
    </xf>
    <xf numFmtId="176" fontId="11" fillId="4" borderId="0" xfId="0" applyNumberFormat="1" applyFont="1" applyFill="1" applyBorder="1" applyAlignment="1">
      <alignment horizontal="center" vertical="center" textRotation="255"/>
    </xf>
    <xf numFmtId="0" fontId="1" fillId="4" borderId="0" xfId="0" applyFont="1" applyFill="1" applyBorder="1" applyAlignment="1">
      <alignment vertical="center" shrinkToFit="1"/>
    </xf>
    <xf numFmtId="20" fontId="6" fillId="4" borderId="0" xfId="0" applyNumberFormat="1" applyFont="1" applyFill="1" applyBorder="1" applyAlignment="1">
      <alignment horizontal="center" vertical="center"/>
    </xf>
    <xf numFmtId="176" fontId="10" fillId="4" borderId="0" xfId="0" applyNumberFormat="1" applyFont="1" applyFill="1" applyAlignment="1">
      <alignment vertical="center"/>
    </xf>
    <xf numFmtId="176" fontId="1" fillId="30" borderId="0" xfId="0" applyNumberFormat="1" applyFont="1" applyFill="1" applyAlignment="1">
      <alignment vertical="center"/>
    </xf>
    <xf numFmtId="176" fontId="0" fillId="0" borderId="0" xfId="0" applyNumberFormat="1" applyFont="1" applyFill="1" applyAlignment="1">
      <alignment vertical="center"/>
    </xf>
    <xf numFmtId="176" fontId="0" fillId="4" borderId="0" xfId="0" applyNumberFormat="1" applyFont="1" applyFill="1" applyAlignment="1">
      <alignment vertical="center"/>
    </xf>
    <xf numFmtId="176" fontId="8" fillId="35" borderId="3" xfId="0" applyNumberFormat="1" applyFont="1" applyFill="1" applyBorder="1" applyAlignment="1">
      <alignment horizontal="center" vertical="center"/>
    </xf>
    <xf numFmtId="176" fontId="8" fillId="35" borderId="6" xfId="0" applyNumberFormat="1" applyFont="1" applyFill="1" applyBorder="1" applyAlignment="1">
      <alignment horizontal="center" vertical="center" shrinkToFit="1"/>
    </xf>
    <xf numFmtId="0" fontId="8" fillId="0" borderId="1" xfId="0" applyFont="1" applyFill="1" applyBorder="1" applyAlignment="1">
      <alignment vertical="center" shrinkToFit="1"/>
    </xf>
    <xf numFmtId="176" fontId="8" fillId="35" borderId="1" xfId="0" applyNumberFormat="1" applyFont="1" applyFill="1" applyBorder="1" applyAlignment="1">
      <alignment horizontal="center" vertical="center"/>
    </xf>
    <xf numFmtId="0" fontId="8" fillId="0" borderId="8" xfId="0" applyFont="1" applyFill="1" applyBorder="1" applyAlignment="1">
      <alignment vertical="center" shrinkToFit="1"/>
    </xf>
    <xf numFmtId="176" fontId="8" fillId="35" borderId="1" xfId="0" applyNumberFormat="1" applyFont="1" applyFill="1" applyBorder="1" applyAlignment="1">
      <alignment horizontal="center" vertical="center" shrinkToFit="1"/>
    </xf>
    <xf numFmtId="176" fontId="8" fillId="0" borderId="8" xfId="0" applyNumberFormat="1" applyFont="1" applyFill="1" applyBorder="1" applyAlignment="1">
      <alignment vertical="center" shrinkToFit="1"/>
    </xf>
    <xf numFmtId="0" fontId="8" fillId="0" borderId="5" xfId="0" applyFont="1" applyFill="1" applyBorder="1" applyAlignment="1">
      <alignment vertical="center" shrinkToFit="1"/>
    </xf>
    <xf numFmtId="0" fontId="8" fillId="0" borderId="6" xfId="0" applyFont="1" applyFill="1" applyBorder="1" applyAlignment="1">
      <alignment vertical="center" shrinkToFit="1"/>
    </xf>
    <xf numFmtId="176" fontId="8" fillId="35" borderId="6" xfId="0" applyNumberFormat="1" applyFont="1" applyFill="1" applyBorder="1" applyAlignment="1">
      <alignment horizontal="center" vertical="center"/>
    </xf>
    <xf numFmtId="0" fontId="8" fillId="0" borderId="11" xfId="0" applyFont="1" applyFill="1" applyBorder="1" applyAlignment="1">
      <alignment vertical="center" shrinkToFit="1"/>
    </xf>
    <xf numFmtId="0" fontId="8" fillId="0" borderId="2" xfId="0" applyFont="1" applyFill="1" applyBorder="1" applyAlignment="1">
      <alignment vertical="center" shrinkToFit="1"/>
    </xf>
    <xf numFmtId="176" fontId="0" fillId="36" borderId="0" xfId="0" applyNumberFormat="1" applyFont="1" applyFill="1" applyAlignment="1">
      <alignment vertical="center"/>
    </xf>
    <xf numFmtId="176" fontId="8" fillId="10" borderId="94" xfId="0" applyNumberFormat="1" applyFont="1" applyFill="1" applyBorder="1" applyAlignment="1">
      <alignment horizontal="center" vertical="center"/>
    </xf>
    <xf numFmtId="176" fontId="8" fillId="10" borderId="94" xfId="0" applyNumberFormat="1" applyFont="1" applyFill="1" applyBorder="1" applyAlignment="1">
      <alignment horizontal="center" vertical="center" shrinkToFit="1"/>
    </xf>
    <xf numFmtId="0" fontId="8" fillId="0" borderId="9" xfId="0" applyFont="1" applyFill="1" applyBorder="1" applyAlignment="1">
      <alignment vertical="center" shrinkToFit="1"/>
    </xf>
    <xf numFmtId="176" fontId="8" fillId="10" borderId="9" xfId="0" applyNumberFormat="1" applyFont="1" applyFill="1" applyBorder="1" applyAlignment="1">
      <alignment horizontal="center" vertical="center"/>
    </xf>
    <xf numFmtId="176" fontId="8" fillId="10" borderId="9" xfId="0" applyNumberFormat="1" applyFont="1" applyFill="1" applyBorder="1" applyAlignment="1">
      <alignment horizontal="center" vertical="center" shrinkToFit="1"/>
    </xf>
    <xf numFmtId="176" fontId="8" fillId="10" borderId="1" xfId="0" applyNumberFormat="1" applyFont="1" applyFill="1" applyBorder="1" applyAlignment="1">
      <alignment horizontal="center" vertical="center"/>
    </xf>
    <xf numFmtId="176" fontId="8" fillId="10" borderId="1" xfId="0" applyNumberFormat="1" applyFont="1" applyFill="1" applyBorder="1" applyAlignment="1">
      <alignment horizontal="center" vertical="center" shrinkToFit="1"/>
    </xf>
    <xf numFmtId="176" fontId="8" fillId="0" borderId="1" xfId="0" applyNumberFormat="1" applyFont="1" applyFill="1" applyBorder="1" applyAlignment="1">
      <alignment vertical="center" shrinkToFit="1"/>
    </xf>
    <xf numFmtId="0" fontId="11" fillId="0" borderId="0" xfId="0" applyFont="1" applyFill="1" applyBorder="1" applyAlignment="1">
      <alignment vertical="center" textRotation="255"/>
    </xf>
    <xf numFmtId="176" fontId="8" fillId="35" borderId="21" xfId="0" applyNumberFormat="1" applyFont="1" applyFill="1" applyBorder="1" applyAlignment="1">
      <alignment horizontal="center" vertical="center"/>
    </xf>
    <xf numFmtId="0" fontId="8" fillId="0" borderId="7" xfId="0" applyFont="1" applyFill="1" applyBorder="1" applyAlignment="1">
      <alignment vertical="center" shrinkToFit="1"/>
    </xf>
    <xf numFmtId="176" fontId="8" fillId="39" borderId="95" xfId="0" applyNumberFormat="1" applyFont="1" applyFill="1" applyBorder="1" applyAlignment="1">
      <alignment horizontal="center" vertical="center"/>
    </xf>
    <xf numFmtId="0" fontId="8" fillId="0" borderId="22" xfId="0" applyFont="1" applyFill="1" applyBorder="1" applyAlignment="1">
      <alignment vertical="center" shrinkToFit="1"/>
    </xf>
    <xf numFmtId="176" fontId="8" fillId="39" borderId="22" xfId="0" applyNumberFormat="1" applyFont="1" applyFill="1" applyBorder="1" applyAlignment="1">
      <alignment horizontal="center" vertical="center"/>
    </xf>
    <xf numFmtId="176" fontId="8" fillId="39" borderId="96" xfId="0" applyNumberFormat="1" applyFont="1" applyFill="1" applyBorder="1" applyAlignment="1">
      <alignment horizontal="center" vertical="center"/>
    </xf>
    <xf numFmtId="176" fontId="8" fillId="35" borderId="17" xfId="0" applyNumberFormat="1" applyFont="1" applyFill="1" applyBorder="1" applyAlignment="1">
      <alignment horizontal="center" vertical="center"/>
    </xf>
    <xf numFmtId="176" fontId="8" fillId="35" borderId="19" xfId="0" applyNumberFormat="1" applyFont="1" applyFill="1" applyBorder="1" applyAlignment="1">
      <alignment horizontal="center" vertical="center"/>
    </xf>
    <xf numFmtId="176" fontId="0" fillId="40" borderId="0" xfId="0" applyNumberFormat="1" applyFont="1" applyFill="1" applyAlignment="1">
      <alignment vertical="center"/>
    </xf>
    <xf numFmtId="176" fontId="7" fillId="7" borderId="1" xfId="0" applyNumberFormat="1" applyFont="1" applyFill="1" applyBorder="1" applyAlignment="1">
      <alignment horizontal="center" vertical="center"/>
    </xf>
    <xf numFmtId="176" fontId="7" fillId="0" borderId="1" xfId="0" applyNumberFormat="1" applyFont="1" applyFill="1" applyBorder="1" applyAlignment="1">
      <alignment horizontal="center" vertical="center"/>
    </xf>
    <xf numFmtId="176" fontId="7" fillId="0" borderId="6" xfId="0" applyNumberFormat="1" applyFont="1" applyFill="1" applyBorder="1" applyAlignment="1">
      <alignment horizontal="center" vertical="center"/>
    </xf>
    <xf numFmtId="176" fontId="7" fillId="10" borderId="1" xfId="0" applyNumberFormat="1" applyFont="1" applyFill="1" applyBorder="1" applyAlignment="1">
      <alignment horizontal="center" vertical="center"/>
    </xf>
    <xf numFmtId="0" fontId="0" fillId="4" borderId="1" xfId="0" applyFont="1" applyFill="1" applyBorder="1" applyAlignment="1">
      <alignment vertical="center" shrinkToFit="1"/>
    </xf>
    <xf numFmtId="0" fontId="0" fillId="0" borderId="2" xfId="0" applyFont="1" applyFill="1" applyBorder="1" applyAlignment="1">
      <alignment vertical="center" shrinkToFit="1"/>
    </xf>
    <xf numFmtId="176" fontId="6" fillId="0" borderId="30" xfId="0" applyNumberFormat="1" applyFont="1" applyFill="1" applyBorder="1" applyAlignment="1">
      <alignment horizontal="center" vertical="center"/>
    </xf>
    <xf numFmtId="176" fontId="6" fillId="7" borderId="15" xfId="0" applyNumberFormat="1" applyFont="1" applyFill="1" applyBorder="1" applyAlignment="1">
      <alignment horizontal="center" vertical="center"/>
    </xf>
    <xf numFmtId="176" fontId="6" fillId="42" borderId="8" xfId="0" applyNumberFormat="1" applyFont="1" applyFill="1" applyBorder="1" applyAlignment="1">
      <alignment horizontal="center" vertical="center"/>
    </xf>
    <xf numFmtId="176" fontId="6" fillId="10" borderId="1" xfId="0" applyNumberFormat="1" applyFont="1" applyFill="1" applyBorder="1" applyAlignment="1">
      <alignment horizontal="center" vertical="center" shrinkToFit="1"/>
    </xf>
    <xf numFmtId="176" fontId="6" fillId="0" borderId="24" xfId="0" applyNumberFormat="1" applyFont="1" applyFill="1" applyBorder="1" applyAlignment="1">
      <alignment horizontal="center" vertical="center"/>
    </xf>
    <xf numFmtId="176" fontId="6" fillId="7" borderId="17" xfId="0" applyNumberFormat="1" applyFont="1" applyFill="1" applyBorder="1" applyAlignment="1">
      <alignment horizontal="center" vertical="center"/>
    </xf>
    <xf numFmtId="0" fontId="1" fillId="0" borderId="95" xfId="0" applyFont="1" applyFill="1" applyBorder="1" applyAlignment="1">
      <alignment vertical="center"/>
    </xf>
    <xf numFmtId="176" fontId="6" fillId="7" borderId="95" xfId="0" applyNumberFormat="1" applyFont="1" applyFill="1" applyBorder="1" applyAlignment="1">
      <alignment horizontal="center" vertical="center" shrinkToFit="1"/>
    </xf>
    <xf numFmtId="176" fontId="6" fillId="0" borderId="95" xfId="0" applyNumberFormat="1" applyFont="1" applyFill="1" applyBorder="1" applyAlignment="1">
      <alignment horizontal="center" vertical="center"/>
    </xf>
    <xf numFmtId="176" fontId="6" fillId="0" borderId="31" xfId="0" applyNumberFormat="1" applyFont="1" applyFill="1" applyBorder="1" applyAlignment="1">
      <alignment horizontal="center" vertical="center"/>
    </xf>
    <xf numFmtId="176" fontId="6" fillId="7" borderId="19" xfId="0" applyNumberFormat="1" applyFont="1" applyFill="1" applyBorder="1" applyAlignment="1">
      <alignment horizontal="center" vertical="center"/>
    </xf>
    <xf numFmtId="176" fontId="6" fillId="42" borderId="5" xfId="0" applyNumberFormat="1" applyFont="1" applyFill="1" applyBorder="1" applyAlignment="1">
      <alignment horizontal="center" vertical="center"/>
    </xf>
    <xf numFmtId="176" fontId="6" fillId="10" borderId="6" xfId="0" applyNumberFormat="1" applyFont="1" applyFill="1" applyBorder="1" applyAlignment="1">
      <alignment horizontal="center" vertical="center" shrinkToFit="1"/>
    </xf>
    <xf numFmtId="176" fontId="6" fillId="7" borderId="6" xfId="0" applyNumberFormat="1" applyFont="1" applyFill="1" applyBorder="1" applyAlignment="1">
      <alignment horizontal="center" vertical="center"/>
    </xf>
    <xf numFmtId="0" fontId="1" fillId="0" borderId="12" xfId="0" applyFont="1" applyFill="1" applyBorder="1" applyAlignment="1">
      <alignment vertical="center"/>
    </xf>
    <xf numFmtId="176" fontId="6" fillId="7" borderId="97" xfId="0" applyNumberFormat="1" applyFont="1" applyFill="1" applyBorder="1" applyAlignment="1">
      <alignment horizontal="center" vertical="center" shrinkToFit="1"/>
    </xf>
    <xf numFmtId="176" fontId="6" fillId="0" borderId="97" xfId="0" applyNumberFormat="1" applyFont="1" applyFill="1" applyBorder="1" applyAlignment="1">
      <alignment horizontal="center" vertical="center"/>
    </xf>
    <xf numFmtId="176" fontId="6" fillId="0" borderId="81" xfId="0" applyNumberFormat="1" applyFont="1" applyFill="1" applyBorder="1" applyAlignment="1">
      <alignment horizontal="center" vertical="center"/>
    </xf>
    <xf numFmtId="0" fontId="1" fillId="0" borderId="98" xfId="0" applyFont="1" applyFill="1" applyBorder="1" applyAlignment="1">
      <alignment vertical="center"/>
    </xf>
    <xf numFmtId="176" fontId="6" fillId="0" borderId="22" xfId="0" applyNumberFormat="1" applyFont="1" applyFill="1" applyBorder="1" applyAlignment="1">
      <alignment horizontal="center" vertical="center"/>
    </xf>
    <xf numFmtId="176" fontId="6" fillId="7" borderId="21" xfId="0" applyNumberFormat="1" applyFont="1" applyFill="1" applyBorder="1" applyAlignment="1">
      <alignment horizontal="center" vertical="center"/>
    </xf>
    <xf numFmtId="176" fontId="6" fillId="42" borderId="99" xfId="0" applyNumberFormat="1" applyFont="1" applyFill="1" applyBorder="1" applyAlignment="1">
      <alignment horizontal="center" vertical="center"/>
    </xf>
    <xf numFmtId="176" fontId="6" fillId="10" borderId="97" xfId="0" applyNumberFormat="1" applyFont="1" applyFill="1" applyBorder="1" applyAlignment="1">
      <alignment horizontal="center" vertical="center" shrinkToFit="1"/>
    </xf>
    <xf numFmtId="176" fontId="6" fillId="7" borderId="61" xfId="0" applyNumberFormat="1" applyFont="1" applyFill="1" applyBorder="1" applyAlignment="1">
      <alignment horizontal="center" vertical="center" shrinkToFit="1"/>
    </xf>
    <xf numFmtId="176" fontId="6" fillId="7" borderId="9" xfId="0" applyNumberFormat="1" applyFont="1" applyFill="1" applyBorder="1" applyAlignment="1">
      <alignment horizontal="center" vertical="center" shrinkToFit="1"/>
    </xf>
    <xf numFmtId="176" fontId="6" fillId="0" borderId="9" xfId="0" applyNumberFormat="1" applyFont="1" applyFill="1" applyBorder="1" applyAlignment="1">
      <alignment horizontal="center" vertical="center"/>
    </xf>
    <xf numFmtId="0" fontId="1" fillId="0" borderId="100" xfId="0" applyFont="1" applyFill="1" applyBorder="1" applyAlignment="1">
      <alignment vertical="center"/>
    </xf>
    <xf numFmtId="176" fontId="6" fillId="0" borderId="72" xfId="0" applyNumberFormat="1" applyFont="1" applyFill="1" applyBorder="1" applyAlignment="1">
      <alignment horizontal="center" vertical="center"/>
    </xf>
    <xf numFmtId="176" fontId="6" fillId="7" borderId="101" xfId="0" applyNumberFormat="1" applyFont="1" applyFill="1" applyBorder="1" applyAlignment="1">
      <alignment horizontal="center" vertical="center"/>
    </xf>
    <xf numFmtId="176" fontId="6" fillId="42" borderId="102" xfId="0" applyNumberFormat="1" applyFont="1" applyFill="1" applyBorder="1" applyAlignment="1">
      <alignment horizontal="center" vertical="center"/>
    </xf>
    <xf numFmtId="176" fontId="6" fillId="10" borderId="103" xfId="0" applyNumberFormat="1" applyFont="1" applyFill="1" applyBorder="1" applyAlignment="1">
      <alignment horizontal="center" vertical="center" shrinkToFit="1"/>
    </xf>
    <xf numFmtId="176" fontId="6" fillId="7" borderId="103" xfId="0" applyNumberFormat="1" applyFont="1" applyFill="1" applyBorder="1" applyAlignment="1">
      <alignment horizontal="center" vertical="center"/>
    </xf>
    <xf numFmtId="176" fontId="6" fillId="0" borderId="77" xfId="0" applyNumberFormat="1" applyFont="1" applyFill="1" applyBorder="1" applyAlignment="1">
      <alignment horizontal="center" vertical="center"/>
    </xf>
    <xf numFmtId="176" fontId="6" fillId="7" borderId="78" xfId="0" applyNumberFormat="1" applyFont="1" applyFill="1" applyBorder="1" applyAlignment="1">
      <alignment horizontal="center" vertical="center"/>
    </xf>
    <xf numFmtId="176" fontId="6" fillId="0" borderId="79" xfId="0" applyNumberFormat="1" applyFont="1" applyFill="1" applyBorder="1" applyAlignment="1">
      <alignment horizontal="center" vertical="center"/>
    </xf>
    <xf numFmtId="176" fontId="6" fillId="7" borderId="80" xfId="0" applyNumberFormat="1" applyFont="1" applyFill="1" applyBorder="1" applyAlignment="1">
      <alignment horizontal="center" vertical="center"/>
    </xf>
    <xf numFmtId="0" fontId="1" fillId="0" borderId="7" xfId="0" applyFont="1" applyFill="1" applyBorder="1" applyAlignment="1">
      <alignment vertical="center" shrinkToFit="1"/>
    </xf>
    <xf numFmtId="176" fontId="6" fillId="42" borderId="104" xfId="0" applyNumberFormat="1" applyFont="1" applyFill="1" applyBorder="1" applyAlignment="1">
      <alignment horizontal="center" vertical="center"/>
    </xf>
    <xf numFmtId="176" fontId="6" fillId="10" borderId="95" xfId="0" applyNumberFormat="1" applyFont="1" applyFill="1" applyBorder="1" applyAlignment="1">
      <alignment horizontal="center" vertical="center" shrinkToFit="1"/>
    </xf>
    <xf numFmtId="176" fontId="6" fillId="42" borderId="13" xfId="0" applyNumberFormat="1" applyFont="1" applyFill="1" applyBorder="1" applyAlignment="1">
      <alignment horizontal="center" vertical="center"/>
    </xf>
    <xf numFmtId="176" fontId="6" fillId="10" borderId="9" xfId="0" applyNumberFormat="1" applyFont="1" applyFill="1" applyBorder="1" applyAlignment="1">
      <alignment horizontal="center" vertical="center"/>
    </xf>
    <xf numFmtId="176" fontId="6" fillId="7" borderId="9" xfId="0" applyNumberFormat="1" applyFont="1" applyFill="1" applyBorder="1" applyAlignment="1">
      <alignment horizontal="center" vertical="center"/>
    </xf>
    <xf numFmtId="176" fontId="1" fillId="0" borderId="105" xfId="0" applyNumberFormat="1" applyFont="1" applyFill="1" applyBorder="1" applyAlignment="1">
      <alignment vertical="center"/>
    </xf>
    <xf numFmtId="176" fontId="6" fillId="10" borderId="1" xfId="0" applyNumberFormat="1" applyFont="1" applyFill="1" applyBorder="1" applyAlignment="1">
      <alignment horizontal="center" vertical="center"/>
    </xf>
    <xf numFmtId="176" fontId="6" fillId="0" borderId="6" xfId="0" applyNumberFormat="1" applyFont="1" applyFill="1" applyBorder="1" applyAlignment="1">
      <alignment horizontal="center" vertical="center"/>
    </xf>
    <xf numFmtId="176" fontId="6" fillId="7" borderId="97" xfId="0" applyNumberFormat="1" applyFont="1" applyFill="1" applyBorder="1" applyAlignment="1">
      <alignment horizontal="center" vertical="center"/>
    </xf>
    <xf numFmtId="176" fontId="6" fillId="0" borderId="12" xfId="0" applyNumberFormat="1" applyFont="1" applyFill="1" applyBorder="1" applyAlignment="1">
      <alignment horizontal="center" vertical="center"/>
    </xf>
    <xf numFmtId="176" fontId="6" fillId="7" borderId="81" xfId="0" applyNumberFormat="1" applyFont="1" applyFill="1" applyBorder="1" applyAlignment="1">
      <alignment horizontal="center" vertical="center"/>
    </xf>
    <xf numFmtId="176" fontId="6" fillId="42" borderId="106" xfId="0" applyNumberFormat="1" applyFont="1" applyFill="1" applyBorder="1" applyAlignment="1">
      <alignment horizontal="center" vertical="center"/>
    </xf>
    <xf numFmtId="176" fontId="6" fillId="10" borderId="97" xfId="0" applyNumberFormat="1" applyFont="1" applyFill="1" applyBorder="1" applyAlignment="1">
      <alignment horizontal="center" vertical="center"/>
    </xf>
    <xf numFmtId="176" fontId="1" fillId="0" borderId="107" xfId="0" applyNumberFormat="1" applyFont="1" applyFill="1" applyBorder="1" applyAlignment="1">
      <alignment vertical="center"/>
    </xf>
    <xf numFmtId="176" fontId="1" fillId="4" borderId="0" xfId="0" applyNumberFormat="1" applyFont="1" applyFill="1" applyBorder="1" applyAlignment="1">
      <alignment vertical="center" textRotation="255"/>
    </xf>
    <xf numFmtId="176" fontId="0" fillId="43" borderId="0" xfId="0" applyNumberFormat="1" applyFont="1" applyFill="1" applyAlignment="1">
      <alignment vertical="center"/>
    </xf>
    <xf numFmtId="0" fontId="7" fillId="45" borderId="6" xfId="0" applyFont="1" applyFill="1" applyBorder="1" applyAlignment="1">
      <alignment horizontal="center" vertical="center"/>
    </xf>
    <xf numFmtId="0" fontId="7" fillId="7" borderId="6" xfId="0" applyFont="1" applyFill="1" applyBorder="1" applyAlignment="1">
      <alignment horizontal="center" vertical="center"/>
    </xf>
    <xf numFmtId="0" fontId="7" fillId="46" borderId="6" xfId="0" applyFont="1" applyFill="1" applyBorder="1" applyAlignment="1">
      <alignment horizontal="center" vertical="center"/>
    </xf>
    <xf numFmtId="0" fontId="7" fillId="7" borderId="7" xfId="0" applyFont="1" applyFill="1" applyBorder="1" applyAlignment="1">
      <alignment horizontal="center" vertical="center"/>
    </xf>
    <xf numFmtId="0" fontId="7" fillId="47" borderId="6" xfId="0" applyFont="1" applyFill="1" applyBorder="1" applyAlignment="1">
      <alignment horizontal="center" vertical="center"/>
    </xf>
    <xf numFmtId="0" fontId="0" fillId="0" borderId="82" xfId="0" applyNumberFormat="1" applyFont="1" applyFill="1" applyBorder="1" applyAlignment="1">
      <alignment vertical="center" shrinkToFit="1"/>
    </xf>
    <xf numFmtId="0" fontId="7" fillId="7" borderId="1" xfId="0" applyNumberFormat="1" applyFont="1" applyFill="1" applyBorder="1" applyAlignment="1">
      <alignment horizontal="center" vertical="center"/>
    </xf>
    <xf numFmtId="20" fontId="7" fillId="4" borderId="1" xfId="0" applyNumberFormat="1" applyFont="1" applyFill="1" applyBorder="1" applyAlignment="1">
      <alignment horizontal="center" vertical="center"/>
    </xf>
    <xf numFmtId="20" fontId="7" fillId="46" borderId="1" xfId="0" applyNumberFormat="1" applyFont="1" applyFill="1" applyBorder="1" applyAlignment="1">
      <alignment horizontal="center" vertical="center"/>
    </xf>
    <xf numFmtId="0" fontId="0" fillId="0" borderId="108" xfId="0" applyNumberFormat="1" applyFont="1" applyFill="1" applyBorder="1" applyAlignment="1">
      <alignment vertical="center" shrinkToFit="1"/>
    </xf>
    <xf numFmtId="20" fontId="7" fillId="7" borderId="1" xfId="0" applyNumberFormat="1" applyFont="1" applyFill="1" applyBorder="1" applyAlignment="1">
      <alignment horizontal="center" vertical="center"/>
    </xf>
    <xf numFmtId="20" fontId="7" fillId="47" borderId="1" xfId="0" applyNumberFormat="1" applyFont="1" applyFill="1" applyBorder="1" applyAlignment="1">
      <alignment horizontal="center" vertical="center"/>
    </xf>
    <xf numFmtId="0" fontId="0" fillId="0" borderId="82" xfId="0" applyNumberFormat="1" applyFont="1" applyFill="1" applyBorder="1" applyAlignment="1">
      <alignment vertical="center"/>
    </xf>
    <xf numFmtId="0" fontId="0" fillId="0" borderId="2" xfId="0" applyNumberFormat="1" applyFont="1" applyFill="1" applyBorder="1" applyAlignment="1">
      <alignment vertical="center" shrinkToFit="1"/>
    </xf>
    <xf numFmtId="0" fontId="7" fillId="47" borderId="1" xfId="0" applyNumberFormat="1" applyFont="1" applyFill="1" applyBorder="1" applyAlignment="1">
      <alignment horizontal="center" vertical="center"/>
    </xf>
    <xf numFmtId="176" fontId="24" fillId="4" borderId="0" xfId="0" applyNumberFormat="1" applyFont="1" applyFill="1" applyAlignment="1">
      <alignment vertical="center"/>
    </xf>
    <xf numFmtId="0" fontId="25" fillId="48" borderId="0" xfId="0" applyFont="1" applyFill="1" applyAlignment="1">
      <alignment horizontal="center" vertical="center"/>
    </xf>
    <xf numFmtId="0" fontId="25" fillId="0" borderId="0" xfId="0" applyFont="1" applyAlignment="1">
      <alignment horizontal="center" vertical="center"/>
    </xf>
    <xf numFmtId="0" fontId="0" fillId="0" borderId="33" xfId="0" applyFont="1" applyBorder="1" applyAlignment="1">
      <alignment vertical="center"/>
    </xf>
    <xf numFmtId="0" fontId="0" fillId="0" borderId="0" xfId="0" applyFont="1" applyAlignment="1">
      <alignment horizontal="center" vertical="center"/>
    </xf>
    <xf numFmtId="0" fontId="0" fillId="0" borderId="0" xfId="0" applyFont="1">
      <alignment vertical="center"/>
    </xf>
    <xf numFmtId="0" fontId="27" fillId="0" borderId="0" xfId="0" applyFont="1" applyAlignment="1">
      <alignment horizontal="right" vertical="center"/>
    </xf>
    <xf numFmtId="20" fontId="19" fillId="4" borderId="1" xfId="0" applyNumberFormat="1" applyFont="1" applyFill="1" applyBorder="1" applyAlignment="1">
      <alignment horizontal="center" vertical="center"/>
    </xf>
    <xf numFmtId="20" fontId="19" fillId="7" borderId="1" xfId="0" applyNumberFormat="1" applyFont="1" applyFill="1" applyBorder="1" applyAlignment="1">
      <alignment horizontal="center" vertical="center"/>
    </xf>
    <xf numFmtId="20" fontId="28" fillId="4" borderId="64" xfId="0" applyNumberFormat="1" applyFont="1" applyFill="1" applyBorder="1" applyAlignment="1">
      <alignment horizontal="center" vertical="center"/>
    </xf>
    <xf numFmtId="20" fontId="6" fillId="4" borderId="64" xfId="0" applyNumberFormat="1" applyFont="1" applyFill="1" applyBorder="1" applyAlignment="1">
      <alignment horizontal="center" vertical="center"/>
    </xf>
    <xf numFmtId="20" fontId="4" fillId="4" borderId="1" xfId="0" applyNumberFormat="1" applyFont="1" applyFill="1" applyBorder="1" applyAlignment="1">
      <alignment horizontal="center" vertical="center"/>
    </xf>
    <xf numFmtId="180" fontId="19" fillId="7" borderId="1" xfId="0" applyNumberFormat="1" applyFont="1" applyFill="1" applyBorder="1" applyAlignment="1">
      <alignment horizontal="center" vertical="center"/>
    </xf>
    <xf numFmtId="180" fontId="6" fillId="4" borderId="64" xfId="0" applyNumberFormat="1" applyFont="1" applyFill="1" applyBorder="1" applyAlignment="1">
      <alignment horizontal="center" vertical="center"/>
    </xf>
    <xf numFmtId="20" fontId="6" fillId="0" borderId="0" xfId="0" applyNumberFormat="1" applyFont="1" applyFill="1" applyBorder="1" applyAlignment="1">
      <alignment horizontal="center" vertical="center"/>
    </xf>
    <xf numFmtId="180" fontId="19" fillId="4" borderId="1" xfId="0" applyNumberFormat="1" applyFont="1" applyFill="1" applyBorder="1" applyAlignment="1">
      <alignment horizontal="center" vertical="center"/>
    </xf>
    <xf numFmtId="20" fontId="19" fillId="0" borderId="1" xfId="0" applyNumberFormat="1" applyFont="1" applyFill="1" applyBorder="1" applyAlignment="1">
      <alignment horizontal="center" vertical="center"/>
    </xf>
    <xf numFmtId="20" fontId="19" fillId="10" borderId="1" xfId="0" applyNumberFormat="1" applyFont="1" applyFill="1" applyBorder="1" applyAlignment="1">
      <alignment horizontal="center" vertical="center"/>
    </xf>
    <xf numFmtId="20" fontId="29" fillId="4" borderId="64" xfId="0" applyNumberFormat="1" applyFont="1" applyFill="1" applyBorder="1" applyAlignment="1">
      <alignment horizontal="center" vertical="center"/>
    </xf>
    <xf numFmtId="20" fontId="19" fillId="7" borderId="2" xfId="0" applyNumberFormat="1" applyFont="1" applyFill="1" applyBorder="1" applyAlignment="1">
      <alignment horizontal="center" vertical="center"/>
    </xf>
    <xf numFmtId="20" fontId="19" fillId="4" borderId="8" xfId="0" applyNumberFormat="1" applyFont="1" applyFill="1" applyBorder="1" applyAlignment="1">
      <alignment horizontal="center" vertical="center"/>
    </xf>
    <xf numFmtId="20" fontId="19" fillId="0" borderId="8" xfId="0" applyNumberFormat="1" applyFont="1" applyFill="1" applyBorder="1" applyAlignment="1">
      <alignment horizontal="center" vertical="center"/>
    </xf>
    <xf numFmtId="20" fontId="19" fillId="7" borderId="8" xfId="0" applyNumberFormat="1" applyFont="1" applyFill="1" applyBorder="1" applyAlignment="1">
      <alignment horizontal="center" vertical="center"/>
    </xf>
    <xf numFmtId="20" fontId="19" fillId="10" borderId="8" xfId="0" applyNumberFormat="1" applyFont="1" applyFill="1" applyBorder="1" applyAlignment="1">
      <alignment horizontal="center" vertical="center"/>
    </xf>
    <xf numFmtId="20" fontId="19" fillId="7" borderId="7" xfId="0" applyNumberFormat="1" applyFont="1" applyFill="1" applyBorder="1" applyAlignment="1">
      <alignment horizontal="center" vertical="center"/>
    </xf>
    <xf numFmtId="20" fontId="19" fillId="4" borderId="6" xfId="0" applyNumberFormat="1" applyFont="1" applyFill="1" applyBorder="1" applyAlignment="1">
      <alignment horizontal="center" vertical="center"/>
    </xf>
    <xf numFmtId="20" fontId="19" fillId="7" borderId="11" xfId="0" applyNumberFormat="1" applyFont="1" applyFill="1" applyBorder="1" applyAlignment="1">
      <alignment horizontal="center" vertical="center"/>
    </xf>
    <xf numFmtId="20" fontId="19" fillId="4" borderId="9" xfId="0" applyNumberFormat="1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49" fontId="7" fillId="0" borderId="0" xfId="0" applyNumberFormat="1" applyFont="1" applyFill="1" applyBorder="1" applyAlignment="1">
      <alignment horizontal="left" vertical="center"/>
    </xf>
    <xf numFmtId="0" fontId="0" fillId="0" borderId="0" xfId="0" applyFont="1" applyFill="1" applyBorder="1" applyAlignment="1">
      <alignment horizontal="center" vertical="center"/>
    </xf>
    <xf numFmtId="20" fontId="0" fillId="0" borderId="0" xfId="0" applyNumberFormat="1" applyFont="1" applyFill="1" applyBorder="1" applyAlignment="1">
      <alignment horizontal="center" vertical="center"/>
    </xf>
    <xf numFmtId="0" fontId="0" fillId="0" borderId="0" xfId="0" applyFont="1" applyBorder="1">
      <alignment vertical="center"/>
    </xf>
    <xf numFmtId="0" fontId="0" fillId="7" borderId="1" xfId="0" applyFont="1" applyFill="1" applyBorder="1">
      <alignment vertical="center"/>
    </xf>
    <xf numFmtId="20" fontId="0" fillId="52" borderId="1" xfId="0" applyNumberFormat="1" applyFont="1" applyFill="1" applyBorder="1" applyAlignment="1">
      <alignment horizontal="center" vertical="center"/>
    </xf>
    <xf numFmtId="0" fontId="25" fillId="0" borderId="0" xfId="0" applyFont="1" applyBorder="1" applyAlignment="1">
      <alignment horizontal="center" vertical="center"/>
    </xf>
    <xf numFmtId="0" fontId="15" fillId="53" borderId="1" xfId="0" applyFont="1" applyFill="1" applyBorder="1" applyAlignment="1">
      <alignment horizontal="center" vertical="center"/>
    </xf>
    <xf numFmtId="0" fontId="27" fillId="7" borderId="1" xfId="0" applyFont="1" applyFill="1" applyBorder="1" applyAlignment="1">
      <alignment horizontal="center" vertical="center"/>
    </xf>
    <xf numFmtId="0" fontId="27" fillId="4" borderId="1" xfId="0" applyFont="1" applyFill="1" applyBorder="1" applyAlignment="1">
      <alignment horizontal="center" vertical="center"/>
    </xf>
    <xf numFmtId="0" fontId="27" fillId="0" borderId="1" xfId="0" applyFont="1" applyFill="1" applyBorder="1" applyAlignment="1">
      <alignment horizontal="center" vertical="center"/>
    </xf>
    <xf numFmtId="0" fontId="27" fillId="7" borderId="1" xfId="0" applyFont="1" applyFill="1" applyBorder="1" applyAlignment="1">
      <alignment horizontal="center" vertical="center" shrinkToFit="1"/>
    </xf>
    <xf numFmtId="0" fontId="32" fillId="7" borderId="1" xfId="0" applyFont="1" applyFill="1" applyBorder="1" applyAlignment="1">
      <alignment horizontal="center" vertical="center"/>
    </xf>
    <xf numFmtId="0" fontId="27" fillId="0" borderId="0" xfId="0" applyFont="1" applyFill="1" applyBorder="1" applyAlignment="1">
      <alignment horizontal="center" vertical="center"/>
    </xf>
    <xf numFmtId="0" fontId="15" fillId="0" borderId="1" xfId="0" applyFont="1" applyFill="1" applyBorder="1" applyAlignment="1">
      <alignment horizontal="left" vertical="center"/>
    </xf>
    <xf numFmtId="20" fontId="28" fillId="0" borderId="0" xfId="0" applyNumberFormat="1" applyFont="1" applyFill="1" applyBorder="1" applyAlignment="1">
      <alignment horizontal="center" vertical="center"/>
    </xf>
    <xf numFmtId="0" fontId="15" fillId="54" borderId="1" xfId="0" applyFont="1" applyFill="1" applyBorder="1" applyAlignment="1">
      <alignment horizontal="left" vertical="center"/>
    </xf>
    <xf numFmtId="0" fontId="27" fillId="54" borderId="1" xfId="0" applyFont="1" applyFill="1" applyBorder="1" applyAlignment="1">
      <alignment horizontal="left" vertical="center"/>
    </xf>
    <xf numFmtId="0" fontId="27" fillId="0" borderId="1" xfId="0" applyFont="1" applyFill="1" applyBorder="1" applyAlignment="1">
      <alignment horizontal="left" vertical="center"/>
    </xf>
    <xf numFmtId="179" fontId="6" fillId="7" borderId="1" xfId="0" applyNumberFormat="1" applyFont="1" applyFill="1" applyBorder="1" applyAlignment="1">
      <alignment horizontal="center" vertical="center"/>
    </xf>
    <xf numFmtId="49" fontId="14" fillId="0" borderId="10" xfId="0" applyNumberFormat="1" applyFont="1" applyBorder="1" applyAlignment="1">
      <alignment horizontal="center" vertical="center" textRotation="255" readingOrder="1"/>
    </xf>
    <xf numFmtId="0" fontId="0" fillId="7" borderId="1" xfId="0" applyFill="1" applyBorder="1">
      <alignment vertical="center"/>
    </xf>
    <xf numFmtId="0" fontId="15" fillId="0" borderId="0" xfId="0" applyFont="1">
      <alignment vertical="center"/>
    </xf>
    <xf numFmtId="20" fontId="0" fillId="0" borderId="0" xfId="0" applyNumberFormat="1" applyFill="1" applyBorder="1" applyAlignment="1">
      <alignment horizontal="center" vertical="center"/>
    </xf>
    <xf numFmtId="20" fontId="27" fillId="0" borderId="0" xfId="0" applyNumberFormat="1" applyFont="1" applyFill="1" applyBorder="1" applyAlignment="1">
      <alignment horizontal="left" vertical="center"/>
    </xf>
    <xf numFmtId="0" fontId="33" fillId="0" borderId="0" xfId="0" applyFont="1" applyFill="1" applyBorder="1" applyAlignment="1">
      <alignment horizontal="left" vertical="center"/>
    </xf>
    <xf numFmtId="0" fontId="0" fillId="0" borderId="0" xfId="0" applyFill="1" applyBorder="1" applyAlignment="1">
      <alignment horizontal="center" vertical="center"/>
    </xf>
    <xf numFmtId="20" fontId="27" fillId="0" borderId="0" xfId="0" applyNumberFormat="1" applyFont="1" applyFill="1" applyBorder="1" applyAlignment="1">
      <alignment horizontal="center" vertical="center"/>
    </xf>
    <xf numFmtId="0" fontId="34" fillId="0" borderId="0" xfId="0" applyFont="1">
      <alignment vertical="center"/>
    </xf>
    <xf numFmtId="176" fontId="0" fillId="55" borderId="0" xfId="0" applyNumberFormat="1" applyFont="1" applyFill="1" applyAlignment="1">
      <alignment vertical="center"/>
    </xf>
    <xf numFmtId="176" fontId="7" fillId="57" borderId="39" xfId="0" applyNumberFormat="1" applyFont="1" applyFill="1" applyBorder="1" applyAlignment="1">
      <alignment horizontal="center" vertical="center"/>
    </xf>
    <xf numFmtId="176" fontId="7" fillId="0" borderId="38" xfId="0" applyNumberFormat="1" applyFont="1" applyFill="1" applyBorder="1" applyAlignment="1">
      <alignment horizontal="center" vertical="center"/>
    </xf>
    <xf numFmtId="176" fontId="7" fillId="0" borderId="37" xfId="0" applyNumberFormat="1" applyFont="1" applyFill="1" applyBorder="1" applyAlignment="1">
      <alignment horizontal="center" vertical="center"/>
    </xf>
    <xf numFmtId="176" fontId="7" fillId="58" borderId="37" xfId="0" applyNumberFormat="1" applyFont="1" applyFill="1" applyBorder="1" applyAlignment="1">
      <alignment horizontal="center" vertical="center"/>
    </xf>
    <xf numFmtId="176" fontId="7" fillId="58" borderId="39" xfId="0" applyNumberFormat="1" applyFont="1" applyFill="1" applyBorder="1" applyAlignment="1">
      <alignment horizontal="center" vertical="center"/>
    </xf>
    <xf numFmtId="176" fontId="7" fillId="17" borderId="38" xfId="0" applyNumberFormat="1" applyFont="1" applyFill="1" applyBorder="1" applyAlignment="1">
      <alignment horizontal="center" vertical="center"/>
    </xf>
    <xf numFmtId="176" fontId="7" fillId="0" borderId="39" xfId="0" applyNumberFormat="1" applyFont="1" applyFill="1" applyBorder="1" applyAlignment="1">
      <alignment horizontal="center" vertical="center"/>
    </xf>
    <xf numFmtId="0" fontId="0" fillId="0" borderId="44" xfId="0" applyFont="1" applyFill="1" applyBorder="1" applyAlignment="1">
      <alignment vertical="center" shrinkToFit="1"/>
    </xf>
    <xf numFmtId="176" fontId="6" fillId="0" borderId="13" xfId="0" applyNumberFormat="1" applyFont="1" applyFill="1" applyBorder="1" applyAlignment="1">
      <alignment horizontal="center" vertical="center"/>
    </xf>
    <xf numFmtId="176" fontId="6" fillId="58" borderId="9" xfId="0" applyNumberFormat="1" applyFont="1" applyFill="1" applyBorder="1" applyAlignment="1">
      <alignment horizontal="center" vertical="center"/>
    </xf>
    <xf numFmtId="176" fontId="6" fillId="58" borderId="44" xfId="0" applyNumberFormat="1" applyFont="1" applyFill="1" applyBorder="1" applyAlignment="1">
      <alignment horizontal="center" vertical="center"/>
    </xf>
    <xf numFmtId="0" fontId="0" fillId="0" borderId="44" xfId="0" applyFont="1" applyFill="1" applyBorder="1" applyAlignment="1">
      <alignment vertical="center"/>
    </xf>
    <xf numFmtId="176" fontId="6" fillId="17" borderId="13" xfId="0" applyNumberFormat="1" applyFont="1" applyFill="1" applyBorder="1" applyAlignment="1">
      <alignment horizontal="center" vertical="center"/>
    </xf>
    <xf numFmtId="176" fontId="6" fillId="0" borderId="44" xfId="0" applyNumberFormat="1" applyFont="1" applyFill="1" applyBorder="1" applyAlignment="1">
      <alignment horizontal="center" vertical="center"/>
    </xf>
    <xf numFmtId="0" fontId="0" fillId="0" borderId="54" xfId="0" applyFont="1" applyFill="1" applyBorder="1" applyAlignment="1">
      <alignment vertical="center" shrinkToFit="1"/>
    </xf>
    <xf numFmtId="176" fontId="6" fillId="58" borderId="1" xfId="0" applyNumberFormat="1" applyFont="1" applyFill="1" applyBorder="1" applyAlignment="1">
      <alignment horizontal="center" vertical="center"/>
    </xf>
    <xf numFmtId="176" fontId="6" fillId="58" borderId="54" xfId="0" applyNumberFormat="1" applyFont="1" applyFill="1" applyBorder="1" applyAlignment="1">
      <alignment horizontal="center" vertical="center"/>
    </xf>
    <xf numFmtId="0" fontId="0" fillId="0" borderId="54" xfId="0" applyFont="1" applyFill="1" applyBorder="1" applyAlignment="1">
      <alignment vertical="center"/>
    </xf>
    <xf numFmtId="176" fontId="6" fillId="17" borderId="8" xfId="0" applyNumberFormat="1" applyFont="1" applyFill="1" applyBorder="1" applyAlignment="1">
      <alignment horizontal="center" vertical="center"/>
    </xf>
    <xf numFmtId="176" fontId="6" fillId="0" borderId="54" xfId="0" applyNumberFormat="1" applyFont="1" applyFill="1" applyBorder="1" applyAlignment="1">
      <alignment horizontal="center" vertical="center"/>
    </xf>
    <xf numFmtId="0" fontId="0" fillId="0" borderId="55" xfId="0" applyFont="1" applyFill="1" applyBorder="1" applyAlignment="1">
      <alignment vertical="center"/>
    </xf>
    <xf numFmtId="0" fontId="0" fillId="0" borderId="45" xfId="0" applyFont="1" applyFill="1" applyBorder="1" applyAlignment="1">
      <alignment vertical="center"/>
    </xf>
    <xf numFmtId="0" fontId="0" fillId="0" borderId="59" xfId="0" applyFont="1" applyFill="1" applyBorder="1" applyAlignment="1">
      <alignment vertical="center"/>
    </xf>
    <xf numFmtId="176" fontId="6" fillId="0" borderId="91" xfId="0" applyNumberFormat="1" applyFont="1" applyFill="1" applyBorder="1" applyAlignment="1">
      <alignment horizontal="center" vertical="center"/>
    </xf>
    <xf numFmtId="176" fontId="6" fillId="0" borderId="58" xfId="0" applyNumberFormat="1" applyFont="1" applyFill="1" applyBorder="1" applyAlignment="1">
      <alignment horizontal="center" vertical="center"/>
    </xf>
    <xf numFmtId="176" fontId="6" fillId="58" borderId="58" xfId="0" applyNumberFormat="1" applyFont="1" applyFill="1" applyBorder="1" applyAlignment="1">
      <alignment horizontal="center" vertical="center"/>
    </xf>
    <xf numFmtId="176" fontId="6" fillId="58" borderId="59" xfId="0" applyNumberFormat="1" applyFont="1" applyFill="1" applyBorder="1" applyAlignment="1">
      <alignment horizontal="center" vertical="center"/>
    </xf>
    <xf numFmtId="0" fontId="0" fillId="0" borderId="59" xfId="0" applyFont="1" applyFill="1" applyBorder="1" applyAlignment="1">
      <alignment vertical="center" shrinkToFit="1"/>
    </xf>
    <xf numFmtId="176" fontId="6" fillId="17" borderId="91" xfId="0" applyNumberFormat="1" applyFont="1" applyFill="1" applyBorder="1" applyAlignment="1">
      <alignment horizontal="center" vertical="center"/>
    </xf>
    <xf numFmtId="176" fontId="6" fillId="0" borderId="59" xfId="0" applyNumberFormat="1" applyFont="1" applyFill="1" applyBorder="1" applyAlignment="1">
      <alignment horizontal="center" vertical="center"/>
    </xf>
    <xf numFmtId="176" fontId="0" fillId="4" borderId="0" xfId="0" applyNumberFormat="1" applyFont="1" applyFill="1" applyAlignment="1">
      <alignment horizontal="center" vertical="center"/>
    </xf>
    <xf numFmtId="176" fontId="0" fillId="4" borderId="0" xfId="0" applyNumberFormat="1" applyFont="1" applyFill="1" applyBorder="1" applyAlignment="1">
      <alignment horizontal="center" vertical="center"/>
    </xf>
    <xf numFmtId="176" fontId="37" fillId="0" borderId="0" xfId="0" applyNumberFormat="1" applyFont="1" applyFill="1" applyAlignment="1">
      <alignment horizontal="left" vertical="center"/>
    </xf>
    <xf numFmtId="176" fontId="7" fillId="10" borderId="6" xfId="0" applyNumberFormat="1" applyFont="1" applyFill="1" applyBorder="1" applyAlignment="1">
      <alignment horizontal="center" vertical="center"/>
    </xf>
    <xf numFmtId="176" fontId="7" fillId="58" borderId="6" xfId="0" applyNumberFormat="1" applyFont="1" applyFill="1" applyBorder="1" applyAlignment="1">
      <alignment horizontal="center" vertical="center"/>
    </xf>
    <xf numFmtId="176" fontId="7" fillId="17" borderId="6" xfId="0" applyNumberFormat="1" applyFont="1" applyFill="1" applyBorder="1" applyAlignment="1">
      <alignment horizontal="center" vertical="center"/>
    </xf>
    <xf numFmtId="176" fontId="7" fillId="0" borderId="1" xfId="0" applyNumberFormat="1" applyFont="1" applyFill="1" applyBorder="1" applyAlignment="1">
      <alignment vertical="center"/>
    </xf>
    <xf numFmtId="176" fontId="7" fillId="58" borderId="1" xfId="0" applyNumberFormat="1" applyFont="1" applyFill="1" applyBorder="1" applyAlignment="1">
      <alignment horizontal="center" vertical="center"/>
    </xf>
    <xf numFmtId="0" fontId="0" fillId="0" borderId="22" xfId="0" applyFont="1" applyFill="1" applyBorder="1" applyAlignment="1">
      <alignment horizontal="left" vertical="center" shrinkToFit="1"/>
    </xf>
    <xf numFmtId="176" fontId="0" fillId="0" borderId="22" xfId="0" applyNumberFormat="1" applyFont="1" applyFill="1" applyBorder="1" applyAlignment="1">
      <alignment horizontal="center" vertical="center"/>
    </xf>
    <xf numFmtId="176" fontId="6" fillId="58" borderId="22" xfId="0" applyNumberFormat="1" applyFont="1" applyFill="1" applyBorder="1" applyAlignment="1">
      <alignment horizontal="center" vertical="center"/>
    </xf>
    <xf numFmtId="176" fontId="6" fillId="17" borderId="22" xfId="0" applyNumberFormat="1" applyFont="1" applyFill="1" applyBorder="1" applyAlignment="1">
      <alignment horizontal="center" vertical="center"/>
    </xf>
    <xf numFmtId="176" fontId="6" fillId="58" borderId="2" xfId="0" applyNumberFormat="1" applyFont="1" applyFill="1" applyBorder="1" applyAlignment="1">
      <alignment horizontal="center" vertical="center" shrinkToFit="1"/>
    </xf>
    <xf numFmtId="176" fontId="6" fillId="0" borderId="15" xfId="0" applyNumberFormat="1" applyFont="1" applyFill="1" applyBorder="1" applyAlignment="1">
      <alignment horizontal="center" vertical="center"/>
    </xf>
    <xf numFmtId="176" fontId="6" fillId="58" borderId="86" xfId="0" applyNumberFormat="1" applyFont="1" applyFill="1" applyBorder="1" applyAlignment="1">
      <alignment horizontal="center" vertical="center"/>
    </xf>
    <xf numFmtId="176" fontId="0" fillId="0" borderId="22" xfId="0" applyNumberFormat="1" applyFont="1" applyFill="1" applyBorder="1" applyAlignment="1">
      <alignment horizontal="center" vertical="center" shrinkToFit="1"/>
    </xf>
    <xf numFmtId="0" fontId="0" fillId="0" borderId="1" xfId="0" applyFont="1" applyFill="1" applyBorder="1" applyAlignment="1">
      <alignment vertical="distributed"/>
    </xf>
    <xf numFmtId="176" fontId="6" fillId="0" borderId="17" xfId="0" applyNumberFormat="1" applyFont="1" applyFill="1" applyBorder="1" applyAlignment="1">
      <alignment horizontal="center" vertical="center"/>
    </xf>
    <xf numFmtId="176" fontId="6" fillId="58" borderId="77" xfId="0" applyNumberFormat="1" applyFont="1" applyFill="1" applyBorder="1" applyAlignment="1">
      <alignment horizontal="center" vertical="center"/>
    </xf>
    <xf numFmtId="176" fontId="6" fillId="0" borderId="17" xfId="0" applyNumberFormat="1" applyFont="1" applyFill="1" applyBorder="1" applyAlignment="1">
      <alignment horizontal="center" vertical="center" shrinkToFit="1"/>
    </xf>
    <xf numFmtId="176" fontId="6" fillId="58" borderId="77" xfId="0" applyNumberFormat="1" applyFont="1" applyFill="1" applyBorder="1" applyAlignment="1">
      <alignment horizontal="center" vertical="center" shrinkToFit="1"/>
    </xf>
    <xf numFmtId="0" fontId="0" fillId="0" borderId="22" xfId="0" applyFont="1" applyFill="1" applyBorder="1" applyAlignment="1">
      <alignment horizontal="left" vertical="center"/>
    </xf>
    <xf numFmtId="0" fontId="0" fillId="0" borderId="1" xfId="0" applyFont="1" applyFill="1" applyBorder="1" applyAlignment="1">
      <alignment vertical="justify"/>
    </xf>
    <xf numFmtId="0" fontId="0" fillId="0" borderId="6" xfId="0" applyFont="1" applyFill="1" applyBorder="1" applyAlignment="1">
      <alignment vertical="justify"/>
    </xf>
    <xf numFmtId="176" fontId="0" fillId="0" borderId="8" xfId="0" applyNumberFormat="1" applyFont="1" applyFill="1" applyBorder="1" applyAlignment="1">
      <alignment vertical="center" shrinkToFit="1"/>
    </xf>
    <xf numFmtId="0" fontId="0" fillId="0" borderId="21" xfId="0" applyFont="1" applyFill="1" applyBorder="1" applyAlignment="1">
      <alignment horizontal="left" vertical="center"/>
    </xf>
    <xf numFmtId="0" fontId="0" fillId="0" borderId="1" xfId="0" applyFont="1" applyFill="1" applyBorder="1" applyAlignment="1">
      <alignment horizontal="left" vertical="center" shrinkToFit="1"/>
    </xf>
    <xf numFmtId="0" fontId="0" fillId="0" borderId="1" xfId="0" applyFont="1" applyFill="1" applyBorder="1" applyAlignment="1">
      <alignment horizontal="left" vertical="center"/>
    </xf>
    <xf numFmtId="176" fontId="0" fillId="0" borderId="25" xfId="0" applyNumberFormat="1" applyFont="1" applyFill="1" applyBorder="1" applyAlignment="1">
      <alignment horizontal="center" vertical="center" shrinkToFit="1"/>
    </xf>
    <xf numFmtId="0" fontId="0" fillId="0" borderId="27" xfId="0" applyFont="1" applyFill="1" applyBorder="1" applyAlignment="1">
      <alignment horizontal="left" vertical="center"/>
    </xf>
    <xf numFmtId="0" fontId="0" fillId="0" borderId="22" xfId="0" applyFont="1" applyFill="1" applyBorder="1" applyAlignment="1">
      <alignment horizontal="left" vertical="distributed"/>
    </xf>
    <xf numFmtId="0" fontId="0" fillId="0" borderId="6" xfId="0" applyFont="1" applyFill="1" applyBorder="1" applyAlignment="1">
      <alignment vertical="center"/>
    </xf>
    <xf numFmtId="0" fontId="0" fillId="0" borderId="86" xfId="0" applyFont="1" applyFill="1" applyBorder="1" applyAlignment="1">
      <alignment horizontal="left" vertical="center" shrinkToFit="1"/>
    </xf>
    <xf numFmtId="176" fontId="0" fillId="0" borderId="8" xfId="0" applyNumberFormat="1" applyFont="1" applyFill="1" applyBorder="1" applyAlignment="1">
      <alignment vertical="center"/>
    </xf>
    <xf numFmtId="0" fontId="0" fillId="0" borderId="77" xfId="0" applyFont="1" applyFill="1" applyBorder="1" applyAlignment="1">
      <alignment vertical="center" shrinkToFit="1"/>
    </xf>
    <xf numFmtId="0" fontId="0" fillId="0" borderId="79" xfId="0" applyFont="1" applyFill="1" applyBorder="1" applyAlignment="1">
      <alignment horizontal="left" vertical="center" shrinkToFit="1"/>
    </xf>
    <xf numFmtId="176" fontId="6" fillId="0" borderId="19" xfId="0" applyNumberFormat="1" applyFont="1" applyFill="1" applyBorder="1" applyAlignment="1">
      <alignment horizontal="center" vertical="center"/>
    </xf>
    <xf numFmtId="176" fontId="6" fillId="58" borderId="79" xfId="0" applyNumberFormat="1" applyFont="1" applyFill="1" applyBorder="1" applyAlignment="1">
      <alignment horizontal="center" vertical="center"/>
    </xf>
    <xf numFmtId="0" fontId="38" fillId="0" borderId="0" xfId="1" applyFont="1" applyFill="1"/>
    <xf numFmtId="0" fontId="24" fillId="0" borderId="0" xfId="1" applyFont="1" applyFill="1"/>
    <xf numFmtId="0" fontId="24" fillId="0" borderId="0" xfId="1" applyFont="1" applyFill="1" applyAlignment="1">
      <alignment horizontal="center"/>
    </xf>
    <xf numFmtId="0" fontId="38" fillId="60" borderId="0" xfId="1" applyFont="1" applyFill="1"/>
    <xf numFmtId="0" fontId="24" fillId="62" borderId="39" xfId="1" applyFont="1" applyFill="1" applyBorder="1" applyAlignment="1">
      <alignment horizontal="center"/>
    </xf>
    <xf numFmtId="0" fontId="24" fillId="63" borderId="38" xfId="1" applyFont="1" applyFill="1" applyBorder="1" applyAlignment="1">
      <alignment horizontal="center"/>
    </xf>
    <xf numFmtId="0" fontId="24" fillId="63" borderId="37" xfId="1" applyFont="1" applyFill="1" applyBorder="1" applyAlignment="1">
      <alignment horizontal="center"/>
    </xf>
    <xf numFmtId="0" fontId="24" fillId="63" borderId="39" xfId="1" applyFont="1" applyFill="1" applyBorder="1" applyAlignment="1">
      <alignment horizontal="center"/>
    </xf>
    <xf numFmtId="0" fontId="24" fillId="0" borderId="44" xfId="1" applyFont="1" applyFill="1" applyBorder="1" applyAlignment="1">
      <alignment shrinkToFit="1"/>
    </xf>
    <xf numFmtId="177" fontId="24" fillId="63" borderId="13" xfId="1" applyNumberFormat="1" applyFont="1" applyFill="1" applyBorder="1" applyAlignment="1">
      <alignment horizontal="center" shrinkToFit="1"/>
    </xf>
    <xf numFmtId="177" fontId="24" fillId="63" borderId="9" xfId="1" applyNumberFormat="1" applyFont="1" applyFill="1" applyBorder="1" applyAlignment="1">
      <alignment horizontal="center" shrinkToFit="1"/>
    </xf>
    <xf numFmtId="177" fontId="24" fillId="63" borderId="44" xfId="1" applyNumberFormat="1" applyFont="1" applyFill="1" applyBorder="1" applyAlignment="1">
      <alignment horizontal="center" shrinkToFit="1"/>
    </xf>
    <xf numFmtId="0" fontId="24" fillId="0" borderId="54" xfId="1" applyFont="1" applyFill="1" applyBorder="1" applyAlignment="1">
      <alignment shrinkToFit="1"/>
    </xf>
    <xf numFmtId="177" fontId="24" fillId="63" borderId="8" xfId="1" applyNumberFormat="1" applyFont="1" applyFill="1" applyBorder="1" applyAlignment="1">
      <alignment horizontal="center" shrinkToFit="1"/>
    </xf>
    <xf numFmtId="177" fontId="24" fillId="63" borderId="1" xfId="1" applyNumberFormat="1" applyFont="1" applyFill="1" applyBorder="1" applyAlignment="1">
      <alignment horizontal="center" shrinkToFit="1"/>
    </xf>
    <xf numFmtId="177" fontId="24" fillId="63" borderId="54" xfId="1" applyNumberFormat="1" applyFont="1" applyFill="1" applyBorder="1" applyAlignment="1">
      <alignment horizontal="center" shrinkToFit="1"/>
    </xf>
    <xf numFmtId="0" fontId="24" fillId="0" borderId="59" xfId="1" applyFont="1" applyFill="1" applyBorder="1" applyAlignment="1">
      <alignment shrinkToFit="1"/>
    </xf>
    <xf numFmtId="177" fontId="24" fillId="63" borderId="91" xfId="1" applyNumberFormat="1" applyFont="1" applyFill="1" applyBorder="1" applyAlignment="1">
      <alignment horizontal="center" shrinkToFit="1"/>
    </xf>
    <xf numFmtId="177" fontId="24" fillId="63" borderId="58" xfId="1" applyNumberFormat="1" applyFont="1" applyFill="1" applyBorder="1" applyAlignment="1">
      <alignment horizontal="center" shrinkToFit="1"/>
    </xf>
    <xf numFmtId="177" fontId="24" fillId="63" borderId="59" xfId="1" applyNumberFormat="1" applyFont="1" applyFill="1" applyBorder="1" applyAlignment="1">
      <alignment horizontal="center" shrinkToFit="1"/>
    </xf>
    <xf numFmtId="0" fontId="11" fillId="0" borderId="0" xfId="1" applyFont="1" applyFill="1" applyBorder="1" applyAlignment="1">
      <alignment horizontal="center" vertical="center"/>
    </xf>
    <xf numFmtId="0" fontId="24" fillId="0" borderId="0" xfId="1" applyFont="1" applyFill="1" applyBorder="1" applyAlignment="1">
      <alignment shrinkToFit="1"/>
    </xf>
    <xf numFmtId="177" fontId="24" fillId="0" borderId="0" xfId="1" applyNumberFormat="1" applyFont="1" applyFill="1" applyBorder="1" applyAlignment="1">
      <alignment horizontal="center" shrinkToFit="1"/>
    </xf>
    <xf numFmtId="176" fontId="2" fillId="67" borderId="0" xfId="0" applyNumberFormat="1" applyFont="1" applyFill="1" applyAlignment="1">
      <alignment vertical="center"/>
    </xf>
    <xf numFmtId="0" fontId="0" fillId="0" borderId="0" xfId="0" applyFont="1" applyFill="1" applyAlignment="1">
      <alignment vertical="center"/>
    </xf>
    <xf numFmtId="0" fontId="0" fillId="0" borderId="0" xfId="0" applyFont="1" applyFill="1">
      <alignment vertical="center"/>
    </xf>
    <xf numFmtId="49" fontId="6" fillId="0" borderId="33" xfId="0" applyNumberFormat="1" applyFont="1" applyBorder="1" applyAlignment="1">
      <alignment horizontal="center" vertical="center" textRotation="255" readingOrder="1"/>
    </xf>
    <xf numFmtId="49" fontId="7" fillId="0" borderId="33" xfId="0" applyNumberFormat="1" applyFont="1" applyFill="1" applyBorder="1" applyAlignment="1">
      <alignment horizontal="center" vertical="center"/>
    </xf>
    <xf numFmtId="0" fontId="7" fillId="19" borderId="1" xfId="0" applyFont="1" applyFill="1" applyBorder="1" applyAlignment="1">
      <alignment horizontal="center" vertical="center"/>
    </xf>
    <xf numFmtId="0" fontId="9" fillId="0" borderId="1" xfId="0" applyFont="1" applyFill="1" applyBorder="1" applyAlignment="1">
      <alignment horizontal="center" vertical="center" shrinkToFit="1"/>
    </xf>
    <xf numFmtId="0" fontId="6" fillId="0" borderId="1" xfId="0" applyFont="1" applyFill="1" applyBorder="1" applyAlignment="1">
      <alignment horizontal="left" vertical="center"/>
    </xf>
    <xf numFmtId="20" fontId="8" fillId="20" borderId="1" xfId="0" applyNumberFormat="1" applyFont="1" applyFill="1" applyBorder="1" applyAlignment="1">
      <alignment horizontal="center" vertical="center"/>
    </xf>
    <xf numFmtId="0" fontId="9" fillId="20" borderId="1" xfId="0" applyFont="1" applyFill="1" applyBorder="1" applyAlignment="1">
      <alignment horizontal="center" vertical="center" shrinkToFit="1"/>
    </xf>
    <xf numFmtId="20" fontId="8" fillId="20" borderId="1" xfId="0" applyNumberFormat="1" applyFont="1" applyFill="1" applyBorder="1" applyAlignment="1">
      <alignment vertical="center"/>
    </xf>
    <xf numFmtId="49" fontId="6" fillId="0" borderId="0" xfId="0" applyNumberFormat="1" applyFont="1" applyBorder="1" applyAlignment="1">
      <alignment horizontal="center" vertical="center" textRotation="255" readingOrder="1"/>
    </xf>
    <xf numFmtId="0" fontId="3" fillId="0" borderId="0" xfId="0" applyFont="1" applyAlignment="1">
      <alignment horizontal="right" vertical="center"/>
    </xf>
    <xf numFmtId="49" fontId="40" fillId="0" borderId="2" xfId="0" applyNumberFormat="1" applyFont="1" applyFill="1" applyBorder="1" applyAlignment="1">
      <alignment horizontal="center" vertical="center" textRotation="255" readingOrder="1"/>
    </xf>
    <xf numFmtId="0" fontId="6" fillId="0" borderId="8" xfId="0" applyFont="1" applyFill="1" applyBorder="1" applyAlignment="1">
      <alignment horizontal="left" vertical="center" shrinkToFit="1"/>
    </xf>
    <xf numFmtId="0" fontId="9" fillId="21" borderId="1" xfId="0" applyFont="1" applyFill="1" applyBorder="1" applyAlignment="1">
      <alignment horizontal="center" vertical="center" shrinkToFit="1"/>
    </xf>
    <xf numFmtId="49" fontId="7" fillId="0" borderId="33" xfId="0" applyNumberFormat="1" applyFont="1" applyBorder="1" applyAlignment="1">
      <alignment horizontal="center" vertical="center" textRotation="255" readingOrder="1"/>
    </xf>
    <xf numFmtId="0" fontId="6" fillId="0" borderId="1" xfId="0" applyFont="1" applyFill="1" applyBorder="1" applyAlignment="1">
      <alignment vertical="center"/>
    </xf>
    <xf numFmtId="49" fontId="6" fillId="0" borderId="20" xfId="0" applyNumberFormat="1" applyFont="1" applyBorder="1" applyAlignment="1">
      <alignment horizontal="center" vertical="center" textRotation="255" readingOrder="1"/>
    </xf>
    <xf numFmtId="0" fontId="41" fillId="4" borderId="0" xfId="0" applyFont="1" applyFill="1" applyBorder="1" applyAlignment="1">
      <alignment horizontal="right" vertical="center"/>
    </xf>
    <xf numFmtId="20" fontId="41" fillId="4" borderId="0" xfId="0" applyNumberFormat="1" applyFont="1" applyFill="1" applyBorder="1" applyAlignment="1">
      <alignment horizontal="center" vertical="center"/>
    </xf>
    <xf numFmtId="20" fontId="42" fillId="0" borderId="0" xfId="0" applyNumberFormat="1" applyFont="1" applyFill="1" applyBorder="1" applyAlignment="1">
      <alignment horizontal="center" vertical="center"/>
    </xf>
    <xf numFmtId="0" fontId="6" fillId="0" borderId="8" xfId="0" applyFont="1" applyFill="1" applyBorder="1" applyAlignment="1">
      <alignment vertical="center"/>
    </xf>
    <xf numFmtId="20" fontId="8" fillId="0" borderId="1" xfId="0" applyNumberFormat="1" applyFont="1" applyFill="1" applyBorder="1" applyAlignment="1">
      <alignment horizontal="center" vertical="center"/>
    </xf>
    <xf numFmtId="20" fontId="8" fillId="21" borderId="1" xfId="0" applyNumberFormat="1" applyFont="1" applyFill="1" applyBorder="1" applyAlignment="1">
      <alignment horizontal="center" vertical="center"/>
    </xf>
    <xf numFmtId="0" fontId="0" fillId="4" borderId="0" xfId="0" applyFont="1" applyFill="1" applyBorder="1">
      <alignment vertical="center"/>
    </xf>
    <xf numFmtId="0" fontId="7" fillId="0" borderId="0" xfId="0" applyFont="1" applyFill="1" applyBorder="1" applyAlignment="1">
      <alignment horizontal="left" vertical="center"/>
    </xf>
    <xf numFmtId="176" fontId="0" fillId="5" borderId="2" xfId="0" applyNumberFormat="1" applyFont="1" applyFill="1" applyBorder="1" applyAlignment="1">
      <alignment horizontal="center" vertical="center"/>
    </xf>
    <xf numFmtId="176" fontId="0" fillId="5" borderId="1" xfId="0" applyNumberFormat="1" applyFont="1" applyFill="1" applyBorder="1" applyAlignment="1">
      <alignment horizontal="center" vertical="center"/>
    </xf>
    <xf numFmtId="0" fontId="0" fillId="0" borderId="7" xfId="0" applyFont="1" applyFill="1" applyBorder="1" applyAlignment="1">
      <alignment vertical="center"/>
    </xf>
    <xf numFmtId="176" fontId="0" fillId="0" borderId="6" xfId="0" applyNumberFormat="1" applyFont="1" applyFill="1" applyBorder="1" applyAlignment="1">
      <alignment vertical="center"/>
    </xf>
    <xf numFmtId="0" fontId="0" fillId="0" borderId="11" xfId="0" applyFont="1" applyFill="1" applyBorder="1" applyAlignment="1">
      <alignment vertical="center"/>
    </xf>
    <xf numFmtId="0" fontId="0" fillId="0" borderId="14" xfId="0" applyFont="1" applyFill="1" applyBorder="1" applyAlignment="1">
      <alignment vertical="center"/>
    </xf>
    <xf numFmtId="176" fontId="0" fillId="0" borderId="2" xfId="0" applyNumberFormat="1" applyFont="1" applyFill="1" applyBorder="1" applyAlignment="1">
      <alignment vertical="center"/>
    </xf>
    <xf numFmtId="176" fontId="0" fillId="4" borderId="20" xfId="0" applyNumberFormat="1" applyFont="1" applyFill="1" applyBorder="1" applyAlignment="1">
      <alignment vertical="center" textRotation="255"/>
    </xf>
    <xf numFmtId="176" fontId="0" fillId="0" borderId="0" xfId="0" applyNumberFormat="1" applyFont="1" applyFill="1" applyAlignment="1">
      <alignment horizontal="center" vertical="center"/>
    </xf>
    <xf numFmtId="0" fontId="38" fillId="22" borderId="0" xfId="1" applyFont="1" applyFill="1"/>
    <xf numFmtId="0" fontId="24" fillId="0" borderId="0" xfId="1" applyFont="1"/>
    <xf numFmtId="0" fontId="38" fillId="0" borderId="0" xfId="1" applyFont="1"/>
    <xf numFmtId="0" fontId="44" fillId="0" borderId="0" xfId="1" applyFont="1" applyAlignment="1">
      <alignment horizontal="left" vertical="center"/>
    </xf>
    <xf numFmtId="0" fontId="24" fillId="0" borderId="0" xfId="1" applyFont="1" applyAlignment="1">
      <alignment horizontal="center"/>
    </xf>
    <xf numFmtId="0" fontId="38" fillId="24" borderId="36" xfId="1" applyFont="1" applyFill="1" applyBorder="1" applyAlignment="1">
      <alignment horizontal="center" vertical="center"/>
    </xf>
    <xf numFmtId="0" fontId="38" fillId="25" borderId="37" xfId="1" applyFont="1" applyFill="1" applyBorder="1" applyAlignment="1">
      <alignment horizontal="center" vertical="center"/>
    </xf>
    <xf numFmtId="0" fontId="38" fillId="25" borderId="38" xfId="1" applyFont="1" applyFill="1" applyBorder="1" applyAlignment="1">
      <alignment horizontal="center" vertical="center"/>
    </xf>
    <xf numFmtId="0" fontId="38" fillId="0" borderId="37" xfId="1" applyFont="1" applyBorder="1" applyAlignment="1">
      <alignment horizontal="center" vertical="center"/>
    </xf>
    <xf numFmtId="0" fontId="38" fillId="0" borderId="38" xfId="1" applyFont="1" applyBorder="1" applyAlignment="1">
      <alignment horizontal="center" vertical="center"/>
    </xf>
    <xf numFmtId="0" fontId="38" fillId="25" borderId="39" xfId="1" applyFont="1" applyFill="1" applyBorder="1" applyAlignment="1">
      <alignment horizontal="center" vertical="center"/>
    </xf>
    <xf numFmtId="0" fontId="38" fillId="25" borderId="40" xfId="1" applyFont="1" applyFill="1" applyBorder="1" applyAlignment="1">
      <alignment horizontal="center" vertical="center"/>
    </xf>
    <xf numFmtId="0" fontId="38" fillId="0" borderId="40" xfId="1" applyFont="1" applyFill="1" applyBorder="1" applyAlignment="1">
      <alignment horizontal="center" vertical="center"/>
    </xf>
    <xf numFmtId="0" fontId="38" fillId="0" borderId="40" xfId="1" applyFont="1" applyBorder="1" applyAlignment="1">
      <alignment horizontal="center" vertical="center"/>
    </xf>
    <xf numFmtId="0" fontId="38" fillId="0" borderId="41" xfId="1" applyFont="1" applyFill="1" applyBorder="1" applyAlignment="1">
      <alignment horizontal="center" vertical="center"/>
    </xf>
    <xf numFmtId="177" fontId="38" fillId="25" borderId="43" xfId="1" applyNumberFormat="1" applyFont="1" applyFill="1" applyBorder="1" applyAlignment="1">
      <alignment horizontal="center" vertical="center" shrinkToFit="1"/>
    </xf>
    <xf numFmtId="177" fontId="38" fillId="25" borderId="13" xfId="1" applyNumberFormat="1" applyFont="1" applyFill="1" applyBorder="1" applyAlignment="1">
      <alignment horizontal="center" vertical="center" shrinkToFit="1"/>
    </xf>
    <xf numFmtId="177" fontId="38" fillId="4" borderId="9" xfId="1" applyNumberFormat="1" applyFont="1" applyFill="1" applyBorder="1" applyAlignment="1">
      <alignment horizontal="center" vertical="center" shrinkToFit="1"/>
    </xf>
    <xf numFmtId="177" fontId="38" fillId="4" borderId="13" xfId="1" applyNumberFormat="1" applyFont="1" applyFill="1" applyBorder="1" applyAlignment="1">
      <alignment horizontal="center" vertical="center" shrinkToFit="1"/>
    </xf>
    <xf numFmtId="177" fontId="38" fillId="25" borderId="44" xfId="1" applyNumberFormat="1" applyFont="1" applyFill="1" applyBorder="1" applyAlignment="1">
      <alignment horizontal="center" vertical="center" shrinkToFit="1"/>
    </xf>
    <xf numFmtId="177" fontId="38" fillId="25" borderId="22" xfId="1" applyNumberFormat="1" applyFont="1" applyFill="1" applyBorder="1" applyAlignment="1">
      <alignment horizontal="center" vertical="center" shrinkToFit="1"/>
    </xf>
    <xf numFmtId="177" fontId="38" fillId="0" borderId="22" xfId="1" applyNumberFormat="1" applyFont="1" applyFill="1" applyBorder="1" applyAlignment="1">
      <alignment horizontal="center" vertical="center" shrinkToFit="1"/>
    </xf>
    <xf numFmtId="177" fontId="38" fillId="0" borderId="45" xfId="1" applyNumberFormat="1" applyFont="1" applyFill="1" applyBorder="1" applyAlignment="1">
      <alignment horizontal="center" vertical="center" shrinkToFit="1"/>
    </xf>
    <xf numFmtId="177" fontId="38" fillId="25" borderId="19" xfId="1" applyNumberFormat="1" applyFont="1" applyFill="1" applyBorder="1" applyAlignment="1">
      <alignment horizontal="center" vertical="center" shrinkToFit="1"/>
    </xf>
    <xf numFmtId="177" fontId="38" fillId="4" borderId="19" xfId="1" applyNumberFormat="1" applyFont="1" applyFill="1" applyBorder="1" applyAlignment="1">
      <alignment horizontal="center" vertical="center" shrinkToFit="1"/>
    </xf>
    <xf numFmtId="177" fontId="38" fillId="25" borderId="46" xfId="1" applyNumberFormat="1" applyFont="1" applyFill="1" applyBorder="1" applyAlignment="1">
      <alignment horizontal="center" vertical="center" shrinkToFit="1"/>
    </xf>
    <xf numFmtId="177" fontId="38" fillId="4" borderId="22" xfId="1" applyNumberFormat="1" applyFont="1" applyFill="1" applyBorder="1" applyAlignment="1">
      <alignment horizontal="center" vertical="center" shrinkToFit="1"/>
    </xf>
    <xf numFmtId="177" fontId="38" fillId="25" borderId="45" xfId="1" applyNumberFormat="1" applyFont="1" applyFill="1" applyBorder="1" applyAlignment="1">
      <alignment horizontal="center" vertical="center" shrinkToFit="1"/>
    </xf>
    <xf numFmtId="177" fontId="38" fillId="25" borderId="47" xfId="1" applyNumberFormat="1" applyFont="1" applyFill="1" applyBorder="1" applyAlignment="1">
      <alignment horizontal="center" vertical="center" shrinkToFit="1"/>
    </xf>
    <xf numFmtId="0" fontId="24" fillId="0" borderId="35" xfId="1" applyFont="1" applyBorder="1"/>
    <xf numFmtId="0" fontId="24" fillId="0" borderId="0" xfId="1" applyFont="1" applyBorder="1"/>
    <xf numFmtId="0" fontId="24" fillId="0" borderId="0" xfId="1" applyFont="1" applyAlignment="1">
      <alignment wrapText="1"/>
    </xf>
    <xf numFmtId="177" fontId="38" fillId="25" borderId="48" xfId="1" applyNumberFormat="1" applyFont="1" applyFill="1" applyBorder="1" applyAlignment="1">
      <alignment horizontal="center" vertical="center" shrinkToFit="1"/>
    </xf>
    <xf numFmtId="177" fontId="38" fillId="0" borderId="48" xfId="1" applyNumberFormat="1" applyFont="1" applyFill="1" applyBorder="1" applyAlignment="1">
      <alignment horizontal="center" vertical="center" shrinkToFit="1"/>
    </xf>
    <xf numFmtId="177" fontId="38" fillId="25" borderId="49" xfId="1" applyNumberFormat="1" applyFont="1" applyFill="1" applyBorder="1" applyAlignment="1">
      <alignment horizontal="center" vertical="center" shrinkToFit="1"/>
    </xf>
    <xf numFmtId="0" fontId="45" fillId="0" borderId="0" xfId="1" applyFont="1" applyFill="1" applyBorder="1" applyAlignment="1">
      <alignment vertical="center" textRotation="255"/>
    </xf>
    <xf numFmtId="177" fontId="38" fillId="4" borderId="48" xfId="1" applyNumberFormat="1" applyFont="1" applyFill="1" applyBorder="1" applyAlignment="1">
      <alignment horizontal="center" vertical="center" shrinkToFit="1"/>
    </xf>
    <xf numFmtId="0" fontId="24" fillId="4" borderId="0" xfId="1" applyFont="1" applyFill="1"/>
    <xf numFmtId="0" fontId="24" fillId="4" borderId="0" xfId="1" applyFont="1" applyFill="1" applyAlignment="1">
      <alignment horizontal="center"/>
    </xf>
    <xf numFmtId="0" fontId="38" fillId="4" borderId="0" xfId="1" applyFont="1" applyFill="1"/>
    <xf numFmtId="178" fontId="0" fillId="66" borderId="6" xfId="0" applyNumberFormat="1" applyFont="1" applyFill="1" applyBorder="1" applyAlignment="1">
      <alignment horizontal="center" vertical="center" textRotation="255"/>
    </xf>
    <xf numFmtId="0" fontId="0" fillId="66" borderId="10" xfId="0" applyFont="1" applyFill="1" applyBorder="1" applyAlignment="1">
      <alignment horizontal="center" vertical="center"/>
    </xf>
    <xf numFmtId="0" fontId="0" fillId="20" borderId="3" xfId="0" applyFont="1" applyFill="1" applyBorder="1" applyAlignment="1">
      <alignment horizontal="center" vertical="center" shrinkToFit="1"/>
    </xf>
    <xf numFmtId="0" fontId="0" fillId="20" borderId="61" xfId="0" applyFont="1" applyFill="1" applyBorder="1" applyAlignment="1">
      <alignment horizontal="center" vertical="center" shrinkToFit="1"/>
    </xf>
    <xf numFmtId="0" fontId="0" fillId="20" borderId="4" xfId="0" applyFont="1" applyFill="1" applyBorder="1" applyAlignment="1">
      <alignment horizontal="center" vertical="center" shrinkToFit="1"/>
    </xf>
    <xf numFmtId="0" fontId="0" fillId="4" borderId="0" xfId="0" applyFont="1" applyFill="1">
      <alignment vertical="center"/>
    </xf>
    <xf numFmtId="176" fontId="7" fillId="20" borderId="1" xfId="0" applyNumberFormat="1" applyFont="1" applyFill="1" applyBorder="1" applyAlignment="1">
      <alignment horizontal="center" vertical="center" shrinkToFit="1"/>
    </xf>
    <xf numFmtId="176" fontId="7" fillId="20" borderId="1" xfId="0" applyNumberFormat="1" applyFont="1" applyFill="1" applyBorder="1" applyAlignment="1">
      <alignment horizontal="center" vertical="center"/>
    </xf>
    <xf numFmtId="0" fontId="0" fillId="0" borderId="20" xfId="0" applyFont="1" applyFill="1" applyBorder="1" applyAlignment="1">
      <alignment vertical="center" shrinkToFit="1"/>
    </xf>
    <xf numFmtId="176" fontId="7" fillId="20" borderId="6" xfId="0" applyNumberFormat="1" applyFont="1" applyFill="1" applyBorder="1" applyAlignment="1">
      <alignment horizontal="center" vertical="center" shrinkToFit="1"/>
    </xf>
    <xf numFmtId="0" fontId="0" fillId="0" borderId="13" xfId="0" applyFont="1" applyFill="1" applyBorder="1" applyAlignment="1">
      <alignment vertical="center" shrinkToFit="1"/>
    </xf>
    <xf numFmtId="176" fontId="7" fillId="20" borderId="9" xfId="0" applyNumberFormat="1" applyFont="1" applyFill="1" applyBorder="1" applyAlignment="1">
      <alignment horizontal="center" vertical="center" shrinkToFit="1"/>
    </xf>
    <xf numFmtId="0" fontId="0" fillId="0" borderId="63" xfId="0" applyFont="1" applyFill="1" applyBorder="1" applyAlignment="1">
      <alignment vertical="center" shrinkToFit="1"/>
    </xf>
    <xf numFmtId="176" fontId="7" fillId="20" borderId="63" xfId="0" applyNumberFormat="1" applyFont="1" applyFill="1" applyBorder="1" applyAlignment="1">
      <alignment horizontal="center" vertical="center" shrinkToFit="1"/>
    </xf>
    <xf numFmtId="176" fontId="7" fillId="20" borderId="8" xfId="0" applyNumberFormat="1" applyFont="1" applyFill="1" applyBorder="1" applyAlignment="1">
      <alignment horizontal="center" vertical="center" shrinkToFit="1"/>
    </xf>
    <xf numFmtId="0" fontId="0" fillId="0" borderId="0" xfId="0" applyFont="1" applyFill="1" applyBorder="1" applyAlignment="1">
      <alignment horizontal="center" vertical="center" textRotation="255"/>
    </xf>
    <xf numFmtId="176" fontId="47" fillId="4" borderId="0" xfId="0" applyNumberFormat="1" applyFont="1" applyFill="1" applyAlignment="1">
      <alignment vertical="center"/>
    </xf>
    <xf numFmtId="0" fontId="47" fillId="4" borderId="0" xfId="0" applyFont="1" applyFill="1">
      <alignment vertical="center"/>
    </xf>
    <xf numFmtId="176" fontId="0" fillId="66" borderId="0" xfId="0" applyNumberFormat="1" applyFont="1" applyFill="1" applyAlignment="1">
      <alignment vertical="center"/>
    </xf>
    <xf numFmtId="0" fontId="0" fillId="68" borderId="0" xfId="0" applyFont="1" applyFill="1">
      <alignment vertical="center"/>
    </xf>
    <xf numFmtId="0" fontId="0" fillId="4" borderId="0" xfId="0" applyFont="1" applyFill="1" applyAlignment="1">
      <alignment horizontal="center" vertical="center"/>
    </xf>
    <xf numFmtId="0" fontId="0" fillId="10" borderId="8" xfId="0" applyFont="1" applyFill="1" applyBorder="1" applyAlignment="1">
      <alignment horizontal="center" vertical="center"/>
    </xf>
    <xf numFmtId="0" fontId="0" fillId="0" borderId="8" xfId="0" applyFont="1" applyBorder="1" applyAlignment="1">
      <alignment vertical="center" shrinkToFit="1"/>
    </xf>
    <xf numFmtId="0" fontId="0" fillId="0" borderId="8" xfId="0" applyNumberFormat="1" applyFont="1" applyFill="1" applyBorder="1" applyAlignment="1">
      <alignment vertical="center"/>
    </xf>
    <xf numFmtId="0" fontId="0" fillId="0" borderId="5" xfId="0" applyFont="1" applyBorder="1" applyAlignment="1">
      <alignment vertical="center" shrinkToFit="1"/>
    </xf>
    <xf numFmtId="0" fontId="0" fillId="0" borderId="5" xfId="0" applyNumberFormat="1" applyFont="1" applyFill="1" applyBorder="1" applyAlignment="1">
      <alignment vertical="center"/>
    </xf>
    <xf numFmtId="0" fontId="0" fillId="0" borderId="13" xfId="0" applyFont="1" applyBorder="1" applyAlignment="1">
      <alignment vertical="center" shrinkToFit="1"/>
    </xf>
    <xf numFmtId="0" fontId="0" fillId="0" borderId="8" xfId="0" applyNumberFormat="1" applyFont="1" applyBorder="1" applyAlignment="1">
      <alignment vertical="center"/>
    </xf>
    <xf numFmtId="0" fontId="0" fillId="0" borderId="5" xfId="0" applyNumberFormat="1" applyFont="1" applyBorder="1" applyAlignment="1">
      <alignment vertical="center"/>
    </xf>
    <xf numFmtId="0" fontId="0" fillId="0" borderId="26" xfId="0" applyFont="1" applyBorder="1" applyAlignment="1">
      <alignment vertical="center" shrinkToFit="1"/>
    </xf>
    <xf numFmtId="0" fontId="0" fillId="4" borderId="0" xfId="0" applyFont="1" applyFill="1" applyBorder="1" applyAlignment="1">
      <alignment vertical="center" textRotation="255"/>
    </xf>
    <xf numFmtId="0" fontId="38" fillId="31" borderId="0" xfId="1" applyFont="1" applyFill="1"/>
    <xf numFmtId="176" fontId="24" fillId="0" borderId="0" xfId="1" applyNumberFormat="1" applyFont="1" applyFill="1"/>
    <xf numFmtId="0" fontId="48" fillId="33" borderId="65" xfId="2" applyFont="1" applyFill="1" applyBorder="1" applyAlignment="1">
      <alignment horizontal="center" vertical="center"/>
    </xf>
    <xf numFmtId="177" fontId="48" fillId="25" borderId="62" xfId="2" applyNumberFormat="1" applyFont="1" applyFill="1" applyBorder="1" applyAlignment="1">
      <alignment horizontal="center" vertical="center" shrinkToFit="1"/>
    </xf>
    <xf numFmtId="176" fontId="48" fillId="0" borderId="62" xfId="1" applyNumberFormat="1" applyFont="1" applyFill="1" applyBorder="1" applyAlignment="1">
      <alignment horizontal="center"/>
    </xf>
    <xf numFmtId="177" fontId="48" fillId="25" borderId="66" xfId="2" applyNumberFormat="1" applyFont="1" applyFill="1" applyBorder="1" applyAlignment="1">
      <alignment horizontal="center" vertical="center" shrinkToFit="1"/>
    </xf>
    <xf numFmtId="0" fontId="48" fillId="33" borderId="62" xfId="1" applyFont="1" applyFill="1" applyBorder="1" applyAlignment="1">
      <alignment horizontal="center" vertical="center"/>
    </xf>
    <xf numFmtId="176" fontId="48" fillId="0" borderId="62" xfId="1" applyNumberFormat="1" applyFont="1" applyFill="1" applyBorder="1" applyAlignment="1">
      <alignment horizontal="center" vertical="center"/>
    </xf>
    <xf numFmtId="0" fontId="48" fillId="0" borderId="67" xfId="1" applyFont="1" applyFill="1" applyBorder="1" applyAlignment="1">
      <alignment vertical="center" shrinkToFit="1"/>
    </xf>
    <xf numFmtId="20" fontId="48" fillId="25" borderId="43" xfId="2" applyNumberFormat="1" applyFont="1" applyFill="1" applyBorder="1" applyAlignment="1">
      <alignment horizontal="center" vertical="center" shrinkToFit="1"/>
    </xf>
    <xf numFmtId="20" fontId="48" fillId="0" borderId="43" xfId="1" applyNumberFormat="1" applyFont="1" applyFill="1" applyBorder="1" applyAlignment="1">
      <alignment horizontal="center" shrinkToFit="1"/>
    </xf>
    <xf numFmtId="20" fontId="48" fillId="25" borderId="68" xfId="2" applyNumberFormat="1" applyFont="1" applyFill="1" applyBorder="1" applyAlignment="1">
      <alignment horizontal="center" vertical="center" shrinkToFit="1"/>
    </xf>
    <xf numFmtId="179" fontId="48" fillId="0" borderId="43" xfId="1" applyNumberFormat="1" applyFont="1" applyFill="1" applyBorder="1" applyAlignment="1">
      <alignment vertical="center" shrinkToFit="1"/>
    </xf>
    <xf numFmtId="20" fontId="48" fillId="0" borderId="67" xfId="1" applyNumberFormat="1" applyFont="1" applyFill="1" applyBorder="1" applyAlignment="1">
      <alignment horizontal="center" vertical="center" shrinkToFit="1"/>
    </xf>
    <xf numFmtId="20" fontId="48" fillId="0" borderId="69" xfId="1" applyNumberFormat="1" applyFont="1" applyFill="1" applyBorder="1" applyAlignment="1">
      <alignment horizontal="center" vertical="center" shrinkToFit="1"/>
    </xf>
    <xf numFmtId="20" fontId="48" fillId="0" borderId="70" xfId="1" applyNumberFormat="1" applyFont="1" applyFill="1" applyBorder="1" applyAlignment="1">
      <alignment horizontal="center" vertical="center" shrinkToFit="1"/>
    </xf>
    <xf numFmtId="20" fontId="48" fillId="0" borderId="71" xfId="1" applyNumberFormat="1" applyFont="1" applyFill="1" applyBorder="1" applyAlignment="1">
      <alignment horizontal="center" vertical="center" shrinkToFit="1"/>
    </xf>
    <xf numFmtId="0" fontId="48" fillId="0" borderId="11" xfId="1" applyFont="1" applyFill="1" applyBorder="1" applyAlignment="1">
      <alignment vertical="center" shrinkToFit="1"/>
    </xf>
    <xf numFmtId="20" fontId="48" fillId="25" borderId="9" xfId="2" applyNumberFormat="1" applyFont="1" applyFill="1" applyBorder="1" applyAlignment="1">
      <alignment horizontal="center" vertical="center" shrinkToFit="1"/>
    </xf>
    <xf numFmtId="20" fontId="48" fillId="0" borderId="9" xfId="1" applyNumberFormat="1" applyFont="1" applyFill="1" applyBorder="1" applyAlignment="1">
      <alignment horizontal="center" shrinkToFit="1"/>
    </xf>
    <xf numFmtId="20" fontId="48" fillId="25" borderId="44" xfId="2" applyNumberFormat="1" applyFont="1" applyFill="1" applyBorder="1" applyAlignment="1">
      <alignment horizontal="center" vertical="center" shrinkToFit="1"/>
    </xf>
    <xf numFmtId="179" fontId="48" fillId="0" borderId="9" xfId="1" applyNumberFormat="1" applyFont="1" applyFill="1" applyBorder="1" applyAlignment="1">
      <alignment vertical="center" shrinkToFit="1"/>
    </xf>
    <xf numFmtId="20" fontId="48" fillId="0" borderId="11" xfId="1" applyNumberFormat="1" applyFont="1" applyFill="1" applyBorder="1" applyAlignment="1">
      <alignment horizontal="center" vertical="center" shrinkToFit="1"/>
    </xf>
    <xf numFmtId="20" fontId="48" fillId="0" borderId="72" xfId="1" applyNumberFormat="1" applyFont="1" applyFill="1" applyBorder="1" applyAlignment="1">
      <alignment horizontal="center" vertical="center" shrinkToFit="1"/>
    </xf>
    <xf numFmtId="20" fontId="48" fillId="0" borderId="16" xfId="1" applyNumberFormat="1" applyFont="1" applyFill="1" applyBorder="1" applyAlignment="1">
      <alignment horizontal="center" vertical="center" shrinkToFit="1"/>
    </xf>
    <xf numFmtId="20" fontId="48" fillId="0" borderId="13" xfId="1" applyNumberFormat="1" applyFont="1" applyFill="1" applyBorder="1" applyAlignment="1">
      <alignment horizontal="center" vertical="center" shrinkToFit="1"/>
    </xf>
    <xf numFmtId="0" fontId="48" fillId="0" borderId="2" xfId="1" applyFont="1" applyFill="1" applyBorder="1" applyAlignment="1">
      <alignment vertical="center" shrinkToFit="1"/>
    </xf>
    <xf numFmtId="20" fontId="48" fillId="25" borderId="1" xfId="2" applyNumberFormat="1" applyFont="1" applyFill="1" applyBorder="1" applyAlignment="1">
      <alignment horizontal="center" vertical="center" shrinkToFit="1"/>
    </xf>
    <xf numFmtId="20" fontId="48" fillId="0" borderId="1" xfId="1" applyNumberFormat="1" applyFont="1" applyFill="1" applyBorder="1" applyAlignment="1">
      <alignment horizontal="center" shrinkToFit="1"/>
    </xf>
    <xf numFmtId="20" fontId="48" fillId="25" borderId="54" xfId="2" applyNumberFormat="1" applyFont="1" applyFill="1" applyBorder="1" applyAlignment="1">
      <alignment horizontal="center" vertical="center" shrinkToFit="1"/>
    </xf>
    <xf numFmtId="179" fontId="48" fillId="0" borderId="34" xfId="1" applyNumberFormat="1" applyFont="1" applyFill="1" applyBorder="1" applyAlignment="1">
      <alignment vertical="center" shrinkToFit="1"/>
    </xf>
    <xf numFmtId="20" fontId="48" fillId="0" borderId="64" xfId="1" applyNumberFormat="1" applyFont="1" applyFill="1" applyBorder="1" applyAlignment="1">
      <alignment horizontal="center" vertical="center" shrinkToFit="1"/>
    </xf>
    <xf numFmtId="20" fontId="48" fillId="0" borderId="73" xfId="1" applyNumberFormat="1" applyFont="1" applyFill="1" applyBorder="1" applyAlignment="1">
      <alignment horizontal="center" vertical="center" shrinkToFit="1"/>
    </xf>
    <xf numFmtId="20" fontId="48" fillId="0" borderId="74" xfId="1" applyNumberFormat="1" applyFont="1" applyFill="1" applyBorder="1" applyAlignment="1">
      <alignment horizontal="center" vertical="center" shrinkToFit="1"/>
    </xf>
    <xf numFmtId="20" fontId="48" fillId="0" borderId="26" xfId="1" applyNumberFormat="1" applyFont="1" applyFill="1" applyBorder="1" applyAlignment="1">
      <alignment horizontal="center" vertical="center" shrinkToFit="1"/>
    </xf>
    <xf numFmtId="20" fontId="48" fillId="25" borderId="34" xfId="2" applyNumberFormat="1" applyFont="1" applyFill="1" applyBorder="1" applyAlignment="1">
      <alignment horizontal="center" vertical="center" shrinkToFit="1"/>
    </xf>
    <xf numFmtId="20" fontId="48" fillId="25" borderId="75" xfId="2" applyNumberFormat="1" applyFont="1" applyFill="1" applyBorder="1" applyAlignment="1">
      <alignment horizontal="center" vertical="center" shrinkToFit="1"/>
    </xf>
    <xf numFmtId="0" fontId="48" fillId="0" borderId="76" xfId="1" applyFont="1" applyFill="1" applyBorder="1" applyAlignment="1">
      <alignment shrinkToFit="1"/>
    </xf>
    <xf numFmtId="20" fontId="48" fillId="0" borderId="76" xfId="1" applyNumberFormat="1" applyFont="1" applyFill="1" applyBorder="1" applyAlignment="1">
      <alignment horizontal="center" vertical="center" shrinkToFit="1"/>
    </xf>
    <xf numFmtId="20" fontId="48" fillId="25" borderId="76" xfId="2" applyNumberFormat="1" applyFont="1" applyFill="1" applyBorder="1" applyAlignment="1">
      <alignment horizontal="center" vertical="center" shrinkToFit="1"/>
    </xf>
    <xf numFmtId="179" fontId="48" fillId="0" borderId="76" xfId="1" applyNumberFormat="1" applyFont="1" applyFill="1" applyBorder="1" applyAlignment="1">
      <alignment vertical="center" shrinkToFit="1"/>
    </xf>
    <xf numFmtId="179" fontId="48" fillId="0" borderId="1" xfId="1" applyNumberFormat="1" applyFont="1" applyFill="1" applyBorder="1" applyAlignment="1">
      <alignment vertical="center" shrinkToFit="1"/>
    </xf>
    <xf numFmtId="20" fontId="48" fillId="0" borderId="2" xfId="1" applyNumberFormat="1" applyFont="1" applyFill="1" applyBorder="1" applyAlignment="1">
      <alignment horizontal="center" vertical="center" shrinkToFit="1"/>
    </xf>
    <xf numFmtId="20" fontId="48" fillId="0" borderId="77" xfId="1" applyNumberFormat="1" applyFont="1" applyFill="1" applyBorder="1" applyAlignment="1">
      <alignment horizontal="center" vertical="center" shrinkToFit="1"/>
    </xf>
    <xf numFmtId="20" fontId="48" fillId="0" borderId="78" xfId="1" applyNumberFormat="1" applyFont="1" applyFill="1" applyBorder="1" applyAlignment="1">
      <alignment horizontal="center" vertical="center" shrinkToFit="1"/>
    </xf>
    <xf numFmtId="20" fontId="48" fillId="0" borderId="8" xfId="1" applyNumberFormat="1" applyFont="1" applyFill="1" applyBorder="1" applyAlignment="1">
      <alignment horizontal="center" vertical="center" shrinkToFit="1"/>
    </xf>
    <xf numFmtId="20" fontId="48" fillId="0" borderId="79" xfId="1" applyNumberFormat="1" applyFont="1" applyFill="1" applyBorder="1" applyAlignment="1">
      <alignment horizontal="center" vertical="center" shrinkToFit="1"/>
    </xf>
    <xf numFmtId="20" fontId="48" fillId="0" borderId="80" xfId="1" applyNumberFormat="1" applyFont="1" applyFill="1" applyBorder="1" applyAlignment="1">
      <alignment horizontal="center" vertical="center" shrinkToFit="1"/>
    </xf>
    <xf numFmtId="20" fontId="48" fillId="0" borderId="1" xfId="1" applyNumberFormat="1" applyFont="1" applyFill="1" applyBorder="1" applyAlignment="1">
      <alignment horizontal="center" vertical="center" shrinkToFit="1"/>
    </xf>
    <xf numFmtId="20" fontId="48" fillId="0" borderId="9" xfId="1" applyNumberFormat="1" applyFont="1" applyFill="1" applyBorder="1" applyAlignment="1">
      <alignment horizontal="center" vertical="center" shrinkToFit="1"/>
    </xf>
    <xf numFmtId="20" fontId="48" fillId="34" borderId="1" xfId="1" applyNumberFormat="1" applyFont="1" applyFill="1" applyBorder="1" applyAlignment="1">
      <alignment horizontal="center" vertical="center" shrinkToFit="1"/>
    </xf>
    <xf numFmtId="20" fontId="48" fillId="0" borderId="6" xfId="1" applyNumberFormat="1" applyFont="1" applyFill="1" applyBorder="1" applyAlignment="1">
      <alignment horizontal="center" shrinkToFit="1"/>
    </xf>
    <xf numFmtId="20" fontId="48" fillId="0" borderId="2" xfId="1" applyNumberFormat="1" applyFont="1" applyFill="1" applyBorder="1" applyAlignment="1">
      <alignment horizontal="center" shrinkToFit="1"/>
    </xf>
    <xf numFmtId="20" fontId="48" fillId="0" borderId="8" xfId="1" applyNumberFormat="1" applyFont="1" applyFill="1" applyBorder="1" applyAlignment="1">
      <alignment horizontal="center" shrinkToFit="1"/>
    </xf>
    <xf numFmtId="0" fontId="48" fillId="0" borderId="7" xfId="1" applyFont="1" applyFill="1" applyBorder="1" applyAlignment="1">
      <alignment vertical="center" shrinkToFit="1"/>
    </xf>
    <xf numFmtId="20" fontId="48" fillId="25" borderId="6" xfId="2" applyNumberFormat="1" applyFont="1" applyFill="1" applyBorder="1" applyAlignment="1">
      <alignment horizontal="center" vertical="center" shrinkToFit="1"/>
    </xf>
    <xf numFmtId="20" fontId="48" fillId="0" borderId="7" xfId="1" applyNumberFormat="1" applyFont="1" applyFill="1" applyBorder="1" applyAlignment="1">
      <alignment horizontal="center" shrinkToFit="1"/>
    </xf>
    <xf numFmtId="20" fontId="48" fillId="0" borderId="5" xfId="1" applyNumberFormat="1" applyFont="1" applyFill="1" applyBorder="1" applyAlignment="1">
      <alignment horizontal="center" shrinkToFit="1"/>
    </xf>
    <xf numFmtId="20" fontId="48" fillId="25" borderId="55" xfId="2" applyNumberFormat="1" applyFont="1" applyFill="1" applyBorder="1" applyAlignment="1">
      <alignment horizontal="center" vertical="center" shrinkToFit="1"/>
    </xf>
    <xf numFmtId="0" fontId="48" fillId="0" borderId="82" xfId="1" applyFont="1" applyFill="1" applyBorder="1" applyAlignment="1">
      <alignment shrinkToFit="1"/>
    </xf>
    <xf numFmtId="20" fontId="48" fillId="25" borderId="81" xfId="2" applyNumberFormat="1" applyFont="1" applyFill="1" applyBorder="1" applyAlignment="1">
      <alignment horizontal="center" vertical="center" shrinkToFit="1"/>
    </xf>
    <xf numFmtId="20" fontId="48" fillId="0" borderId="22" xfId="1" applyNumberFormat="1" applyFont="1" applyFill="1" applyBorder="1" applyAlignment="1">
      <alignment horizontal="center" shrinkToFit="1"/>
    </xf>
    <xf numFmtId="20" fontId="48" fillId="25" borderId="47" xfId="2" applyNumberFormat="1" applyFont="1" applyFill="1" applyBorder="1" applyAlignment="1">
      <alignment horizontal="center" vertical="center" shrinkToFit="1"/>
    </xf>
    <xf numFmtId="0" fontId="48" fillId="0" borderId="82" xfId="1" applyFont="1" applyFill="1" applyBorder="1" applyAlignment="1">
      <alignment vertical="center" shrinkToFit="1"/>
    </xf>
    <xf numFmtId="20" fontId="48" fillId="0" borderId="11" xfId="1" applyNumberFormat="1" applyFont="1" applyFill="1" applyBorder="1" applyAlignment="1">
      <alignment horizontal="center" shrinkToFit="1"/>
    </xf>
    <xf numFmtId="20" fontId="48" fillId="0" borderId="85" xfId="1" applyNumberFormat="1" applyFont="1" applyFill="1" applyBorder="1" applyAlignment="1">
      <alignment horizontal="center" shrinkToFit="1"/>
    </xf>
    <xf numFmtId="20" fontId="48" fillId="25" borderId="85" xfId="2" applyNumberFormat="1" applyFont="1" applyFill="1" applyBorder="1" applyAlignment="1">
      <alignment horizontal="center" vertical="center" shrinkToFit="1"/>
    </xf>
    <xf numFmtId="20" fontId="48" fillId="0" borderId="86" xfId="1" applyNumberFormat="1" applyFont="1" applyFill="1" applyBorder="1" applyAlignment="1">
      <alignment horizontal="center" shrinkToFit="1"/>
    </xf>
    <xf numFmtId="20" fontId="48" fillId="25" borderId="87" xfId="2" applyNumberFormat="1" applyFont="1" applyFill="1" applyBorder="1" applyAlignment="1">
      <alignment horizontal="center" vertical="center" shrinkToFit="1"/>
    </xf>
    <xf numFmtId="20" fontId="48" fillId="25" borderId="88" xfId="2" applyNumberFormat="1" applyFont="1" applyFill="1" applyBorder="1" applyAlignment="1">
      <alignment horizontal="center" vertical="center" shrinkToFit="1"/>
    </xf>
    <xf numFmtId="179" fontId="48" fillId="0" borderId="6" xfId="1" applyNumberFormat="1" applyFont="1" applyFill="1" applyBorder="1" applyAlignment="1">
      <alignment vertical="center" shrinkToFit="1"/>
    </xf>
    <xf numFmtId="20" fontId="48" fillId="34" borderId="6" xfId="1" applyNumberFormat="1" applyFont="1" applyFill="1" applyBorder="1" applyAlignment="1">
      <alignment horizontal="center" vertical="center" shrinkToFit="1"/>
    </xf>
    <xf numFmtId="20" fontId="48" fillId="0" borderId="6" xfId="1" applyNumberFormat="1" applyFont="1" applyFill="1" applyBorder="1" applyAlignment="1">
      <alignment horizontal="center" vertical="center" shrinkToFit="1"/>
    </xf>
    <xf numFmtId="0" fontId="48" fillId="0" borderId="60" xfId="1" applyFont="1" applyFill="1" applyBorder="1" applyAlignment="1">
      <alignment vertical="center" shrinkToFit="1"/>
    </xf>
    <xf numFmtId="20" fontId="48" fillId="25" borderId="58" xfId="2" applyNumberFormat="1" applyFont="1" applyFill="1" applyBorder="1" applyAlignment="1">
      <alignment horizontal="center" vertical="center" shrinkToFit="1"/>
    </xf>
    <xf numFmtId="20" fontId="48" fillId="0" borderId="60" xfId="1" applyNumberFormat="1" applyFont="1" applyFill="1" applyBorder="1" applyAlignment="1">
      <alignment horizontal="center" shrinkToFit="1"/>
    </xf>
    <xf numFmtId="20" fontId="48" fillId="0" borderId="91" xfId="1" applyNumberFormat="1" applyFont="1" applyFill="1" applyBorder="1" applyAlignment="1">
      <alignment horizontal="center" shrinkToFit="1"/>
    </xf>
    <xf numFmtId="20" fontId="48" fillId="25" borderId="92" xfId="2" applyNumberFormat="1" applyFont="1" applyFill="1" applyBorder="1" applyAlignment="1">
      <alignment horizontal="center" vertical="center" shrinkToFit="1"/>
    </xf>
    <xf numFmtId="179" fontId="48" fillId="0" borderId="58" xfId="1" applyNumberFormat="1" applyFont="1" applyFill="1" applyBorder="1" applyAlignment="1">
      <alignment vertical="center" shrinkToFit="1"/>
    </xf>
    <xf numFmtId="20" fontId="48" fillId="34" borderId="58" xfId="1" applyNumberFormat="1" applyFont="1" applyFill="1" applyBorder="1" applyAlignment="1">
      <alignment horizontal="center" vertical="center" shrinkToFit="1"/>
    </xf>
    <xf numFmtId="20" fontId="48" fillId="0" borderId="58" xfId="1" applyNumberFormat="1" applyFont="1" applyFill="1" applyBorder="1" applyAlignment="1">
      <alignment horizontal="center" vertical="center" shrinkToFit="1"/>
    </xf>
    <xf numFmtId="20" fontId="48" fillId="25" borderId="59" xfId="2" applyNumberFormat="1" applyFont="1" applyFill="1" applyBorder="1" applyAlignment="1">
      <alignment horizontal="center" vertical="center" shrinkToFit="1"/>
    </xf>
    <xf numFmtId="0" fontId="45" fillId="0" borderId="93" xfId="2" applyFont="1" applyFill="1" applyBorder="1" applyAlignment="1">
      <alignment vertical="center" textRotation="255"/>
    </xf>
    <xf numFmtId="0" fontId="45" fillId="0" borderId="0" xfId="2" applyFont="1" applyFill="1" applyBorder="1" applyAlignment="1">
      <alignment vertical="center" textRotation="255"/>
    </xf>
    <xf numFmtId="0" fontId="45" fillId="4" borderId="0" xfId="2" applyFont="1" applyFill="1" applyBorder="1" applyAlignment="1">
      <alignment vertical="center" textRotation="255"/>
    </xf>
    <xf numFmtId="176" fontId="38" fillId="0" borderId="0" xfId="1" applyNumberFormat="1" applyFont="1" applyFill="1"/>
    <xf numFmtId="176" fontId="24" fillId="2" borderId="1" xfId="1" applyNumberFormat="1" applyFont="1" applyFill="1" applyBorder="1"/>
    <xf numFmtId="176" fontId="38" fillId="0" borderId="0" xfId="1" applyNumberFormat="1" applyFont="1" applyFill="1" applyBorder="1" applyAlignment="1">
      <alignment horizontal="left"/>
    </xf>
    <xf numFmtId="176" fontId="24" fillId="34" borderId="1" xfId="1" applyNumberFormat="1" applyFont="1" applyFill="1" applyBorder="1"/>
    <xf numFmtId="176" fontId="0" fillId="11" borderId="0" xfId="0" applyNumberFormat="1" applyFont="1" applyFill="1" applyAlignment="1">
      <alignment vertical="center"/>
    </xf>
    <xf numFmtId="176" fontId="0" fillId="13" borderId="1" xfId="0" applyNumberFormat="1" applyFont="1" applyFill="1" applyBorder="1" applyAlignment="1">
      <alignment horizontal="center" vertical="center"/>
    </xf>
    <xf numFmtId="176" fontId="0" fillId="0" borderId="9" xfId="0" applyNumberFormat="1" applyFont="1" applyFill="1" applyBorder="1" applyAlignment="1">
      <alignment vertical="center"/>
    </xf>
    <xf numFmtId="176" fontId="8" fillId="35" borderId="9" xfId="0" applyNumberFormat="1" applyFont="1" applyFill="1" applyBorder="1" applyAlignment="1">
      <alignment horizontal="center" vertical="center"/>
    </xf>
    <xf numFmtId="176" fontId="8" fillId="35" borderId="103" xfId="0" applyNumberFormat="1" applyFont="1" applyFill="1" applyBorder="1" applyAlignment="1">
      <alignment horizontal="center" vertical="center" shrinkToFit="1"/>
    </xf>
    <xf numFmtId="176" fontId="8" fillId="35" borderId="101" xfId="0" applyNumberFormat="1" applyFont="1" applyFill="1" applyBorder="1" applyAlignment="1">
      <alignment horizontal="center" vertical="center" shrinkToFit="1"/>
    </xf>
    <xf numFmtId="176" fontId="20" fillId="4" borderId="0" xfId="0" applyNumberFormat="1" applyFont="1" applyFill="1" applyAlignment="1">
      <alignment vertical="center"/>
    </xf>
    <xf numFmtId="176" fontId="1" fillId="22" borderId="0" xfId="0" applyNumberFormat="1" applyFont="1" applyFill="1" applyAlignment="1">
      <alignment vertical="center"/>
    </xf>
    <xf numFmtId="0" fontId="0" fillId="38" borderId="0" xfId="0" applyFont="1" applyFill="1" applyAlignment="1">
      <alignment vertical="center"/>
    </xf>
    <xf numFmtId="176" fontId="0" fillId="0" borderId="0" xfId="0" applyNumberFormat="1" applyFont="1" applyFill="1" applyBorder="1" applyAlignment="1">
      <alignment vertical="center"/>
    </xf>
    <xf numFmtId="176" fontId="0" fillId="0" borderId="0" xfId="0" applyNumberFormat="1" applyFont="1" applyFill="1" applyBorder="1" applyAlignment="1">
      <alignment horizontal="center" vertical="center"/>
    </xf>
    <xf numFmtId="176" fontId="0" fillId="0" borderId="0" xfId="0" applyNumberFormat="1" applyFont="1" applyFill="1" applyBorder="1" applyAlignment="1">
      <alignment vertical="center" textRotation="255"/>
    </xf>
    <xf numFmtId="0" fontId="0" fillId="0" borderId="0" xfId="0" applyFont="1" applyFill="1" applyBorder="1" applyAlignment="1">
      <alignment vertical="center"/>
    </xf>
    <xf numFmtId="0" fontId="0" fillId="0" borderId="0" xfId="0" applyFont="1" applyFill="1" applyBorder="1" applyAlignment="1">
      <alignment vertical="center" shrinkToFit="1"/>
    </xf>
    <xf numFmtId="176" fontId="0" fillId="34" borderId="0" xfId="0" applyNumberFormat="1" applyFont="1" applyFill="1" applyAlignment="1">
      <alignment vertical="center"/>
    </xf>
    <xf numFmtId="176" fontId="24" fillId="39" borderId="1" xfId="0" applyNumberFormat="1" applyFont="1" applyFill="1" applyBorder="1" applyAlignment="1">
      <alignment horizontal="center" vertical="center"/>
    </xf>
    <xf numFmtId="176" fontId="24" fillId="39" borderId="1" xfId="0" applyNumberFormat="1" applyFont="1" applyFill="1" applyBorder="1" applyAlignment="1">
      <alignment horizontal="right" vertical="center" shrinkToFit="1"/>
    </xf>
    <xf numFmtId="176" fontId="24" fillId="39" borderId="1" xfId="0" applyNumberFormat="1" applyFont="1" applyFill="1" applyBorder="1" applyAlignment="1">
      <alignment vertical="center" shrinkToFit="1"/>
    </xf>
    <xf numFmtId="176" fontId="24" fillId="39" borderId="1" xfId="0" applyNumberFormat="1" applyFont="1" applyFill="1" applyBorder="1" applyAlignment="1">
      <alignment horizontal="right" vertical="center"/>
    </xf>
    <xf numFmtId="176" fontId="24" fillId="39" borderId="1" xfId="0" applyNumberFormat="1" applyFont="1" applyFill="1" applyBorder="1" applyAlignment="1">
      <alignment vertical="center"/>
    </xf>
    <xf numFmtId="176" fontId="8" fillId="71" borderId="7" xfId="0" applyNumberFormat="1" applyFont="1" applyFill="1" applyBorder="1" applyAlignment="1">
      <alignment horizontal="center" vertical="center"/>
    </xf>
    <xf numFmtId="176" fontId="8" fillId="72" borderId="94" xfId="0" applyNumberFormat="1" applyFont="1" applyFill="1" applyBorder="1" applyAlignment="1">
      <alignment horizontal="center" vertical="center"/>
    </xf>
    <xf numFmtId="176" fontId="8" fillId="72" borderId="94" xfId="0" applyNumberFormat="1" applyFont="1" applyFill="1" applyBorder="1" applyAlignment="1">
      <alignment horizontal="center" vertical="center" shrinkToFit="1"/>
    </xf>
    <xf numFmtId="176" fontId="8" fillId="71" borderId="20" xfId="0" applyNumberFormat="1" applyFont="1" applyFill="1" applyBorder="1" applyAlignment="1">
      <alignment horizontal="center" vertical="center" shrinkToFit="1"/>
    </xf>
    <xf numFmtId="176" fontId="8" fillId="73" borderId="7" xfId="0" applyNumberFormat="1" applyFont="1" applyFill="1" applyBorder="1" applyAlignment="1">
      <alignment horizontal="center" vertical="center"/>
    </xf>
    <xf numFmtId="176" fontId="8" fillId="73" borderId="7" xfId="0" applyNumberFormat="1" applyFont="1" applyFill="1" applyBorder="1" applyAlignment="1">
      <alignment horizontal="center" vertical="center" shrinkToFit="1"/>
    </xf>
    <xf numFmtId="176" fontId="0" fillId="74" borderId="1" xfId="0" applyNumberFormat="1" applyFont="1" applyFill="1" applyBorder="1" applyAlignment="1">
      <alignment horizontal="center" vertical="center"/>
    </xf>
    <xf numFmtId="176" fontId="1" fillId="40" borderId="1" xfId="0" applyNumberFormat="1" applyFont="1" applyFill="1" applyBorder="1" applyAlignment="1">
      <alignment horizontal="center" vertical="center"/>
    </xf>
    <xf numFmtId="0" fontId="0" fillId="4" borderId="0" xfId="0" applyNumberFormat="1" applyFont="1" applyFill="1">
      <alignment vertical="center"/>
    </xf>
    <xf numFmtId="0" fontId="0" fillId="0" borderId="0" xfId="0" applyNumberFormat="1" applyFont="1" applyFill="1" applyAlignment="1">
      <alignment vertical="center"/>
    </xf>
    <xf numFmtId="0" fontId="0" fillId="0" borderId="11" xfId="0" applyNumberFormat="1" applyFont="1" applyFill="1" applyBorder="1" applyAlignment="1">
      <alignment vertical="center"/>
    </xf>
    <xf numFmtId="0" fontId="0" fillId="0" borderId="2" xfId="0" applyNumberFormat="1" applyFont="1" applyFill="1" applyBorder="1" applyAlignment="1">
      <alignment vertical="center"/>
    </xf>
    <xf numFmtId="0" fontId="0" fillId="0" borderId="7" xfId="0" applyNumberFormat="1" applyFont="1" applyFill="1" applyBorder="1" applyAlignment="1">
      <alignment vertical="center"/>
    </xf>
    <xf numFmtId="0" fontId="0" fillId="0" borderId="11" xfId="0" applyNumberFormat="1" applyFont="1" applyFill="1" applyBorder="1" applyAlignment="1">
      <alignment vertical="center" shrinkToFit="1"/>
    </xf>
    <xf numFmtId="0" fontId="0" fillId="0" borderId="7" xfId="0" applyNumberFormat="1" applyFont="1" applyFill="1" applyBorder="1" applyAlignment="1">
      <alignment vertical="center" shrinkToFit="1"/>
    </xf>
    <xf numFmtId="0" fontId="0" fillId="0" borderId="0" xfId="0" applyFont="1" applyAlignment="1">
      <alignment horizontal="right" vertical="center"/>
    </xf>
    <xf numFmtId="0" fontId="6" fillId="51" borderId="1" xfId="0" applyFont="1" applyFill="1" applyBorder="1" applyAlignment="1">
      <alignment horizontal="center" vertical="center"/>
    </xf>
    <xf numFmtId="0" fontId="6" fillId="4" borderId="1" xfId="0" applyFont="1" applyFill="1" applyBorder="1" applyAlignment="1">
      <alignment horizontal="center" vertical="center"/>
    </xf>
    <xf numFmtId="0" fontId="0" fillId="4" borderId="64" xfId="0" applyFont="1" applyFill="1" applyBorder="1" applyAlignment="1">
      <alignment horizontal="center" vertical="center"/>
    </xf>
    <xf numFmtId="0" fontId="6" fillId="4" borderId="6" xfId="0" applyFont="1" applyFill="1" applyBorder="1" applyAlignment="1">
      <alignment horizontal="center" vertical="center"/>
    </xf>
    <xf numFmtId="0" fontId="6" fillId="10" borderId="1" xfId="0" applyFont="1" applyFill="1" applyBorder="1" applyAlignment="1">
      <alignment horizontal="center" vertical="center"/>
    </xf>
    <xf numFmtId="0" fontId="0" fillId="0" borderId="64" xfId="0" applyFont="1" applyFill="1" applyBorder="1" applyAlignment="1">
      <alignment horizontal="center" vertical="center"/>
    </xf>
    <xf numFmtId="180" fontId="19" fillId="7" borderId="2" xfId="0" applyNumberFormat="1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left" vertical="center"/>
    </xf>
    <xf numFmtId="0" fontId="6" fillId="0" borderId="9" xfId="0" applyFont="1" applyFill="1" applyBorder="1" applyAlignment="1">
      <alignment horizontal="left" vertical="center"/>
    </xf>
    <xf numFmtId="0" fontId="51" fillId="0" borderId="0" xfId="0" applyFont="1" applyFill="1" applyBorder="1" applyAlignment="1">
      <alignment horizontal="left" vertical="center"/>
    </xf>
    <xf numFmtId="176" fontId="0" fillId="75" borderId="0" xfId="0" applyNumberFormat="1" applyFont="1" applyFill="1" applyAlignment="1">
      <alignment vertical="center"/>
    </xf>
    <xf numFmtId="0" fontId="24" fillId="0" borderId="0" xfId="1" applyFont="1" applyAlignment="1">
      <alignment vertical="top"/>
    </xf>
    <xf numFmtId="20" fontId="48" fillId="0" borderId="12" xfId="1" applyNumberFormat="1" applyFont="1" applyFill="1" applyBorder="1" applyAlignment="1">
      <alignment horizontal="center" shrinkToFit="1"/>
    </xf>
    <xf numFmtId="20" fontId="48" fillId="0" borderId="81" xfId="1" applyNumberFormat="1" applyFont="1" applyFill="1" applyBorder="1" applyAlignment="1">
      <alignment horizontal="center" shrinkToFit="1"/>
    </xf>
    <xf numFmtId="20" fontId="48" fillId="0" borderId="3" xfId="1" applyNumberFormat="1" applyFont="1" applyFill="1" applyBorder="1" applyAlignment="1">
      <alignment horizontal="center" shrinkToFit="1"/>
    </xf>
    <xf numFmtId="20" fontId="48" fillId="0" borderId="4" xfId="1" applyNumberFormat="1" applyFont="1" applyFill="1" applyBorder="1" applyAlignment="1">
      <alignment horizontal="center" shrinkToFit="1"/>
    </xf>
    <xf numFmtId="20" fontId="48" fillId="0" borderId="83" xfId="1" applyNumberFormat="1" applyFont="1" applyFill="1" applyBorder="1" applyAlignment="1">
      <alignment horizontal="center" shrinkToFit="1"/>
    </xf>
    <xf numFmtId="20" fontId="48" fillId="0" borderId="84" xfId="1" applyNumberFormat="1" applyFont="1" applyFill="1" applyBorder="1" applyAlignment="1">
      <alignment horizontal="center" shrinkToFit="1"/>
    </xf>
    <xf numFmtId="20" fontId="48" fillId="0" borderId="89" xfId="1" applyNumberFormat="1" applyFont="1" applyFill="1" applyBorder="1" applyAlignment="1">
      <alignment horizontal="center" shrinkToFit="1"/>
    </xf>
    <xf numFmtId="20" fontId="48" fillId="0" borderId="90" xfId="1" applyNumberFormat="1" applyFont="1" applyFill="1" applyBorder="1" applyAlignment="1">
      <alignment horizontal="center" shrinkToFit="1"/>
    </xf>
    <xf numFmtId="0" fontId="11" fillId="0" borderId="0" xfId="0" applyFont="1" applyFill="1" applyBorder="1" applyAlignment="1">
      <alignment vertical="center" textRotation="255" shrinkToFit="1"/>
    </xf>
    <xf numFmtId="0" fontId="11" fillId="0" borderId="0" xfId="0" applyFont="1" applyBorder="1" applyAlignment="1">
      <alignment vertical="center"/>
    </xf>
    <xf numFmtId="0" fontId="52" fillId="0" borderId="1" xfId="0" applyFont="1" applyFill="1" applyBorder="1" applyAlignment="1">
      <alignment horizontal="left" vertical="center" shrinkToFit="1"/>
    </xf>
    <xf numFmtId="0" fontId="38" fillId="4" borderId="113" xfId="1" applyFont="1" applyFill="1" applyBorder="1" applyAlignment="1">
      <alignment vertical="center" shrinkToFit="1"/>
    </xf>
    <xf numFmtId="0" fontId="38" fillId="4" borderId="114" xfId="1" applyFont="1" applyFill="1" applyBorder="1" applyAlignment="1">
      <alignment vertical="center" shrinkToFit="1"/>
    </xf>
    <xf numFmtId="0" fontId="38" fillId="4" borderId="25" xfId="1" applyFont="1" applyFill="1" applyBorder="1" applyAlignment="1">
      <alignment vertical="center" shrinkToFit="1"/>
    </xf>
    <xf numFmtId="0" fontId="38" fillId="4" borderId="115" xfId="1" applyFont="1" applyFill="1" applyBorder="1" applyAlignment="1">
      <alignment vertical="center" shrinkToFit="1"/>
    </xf>
    <xf numFmtId="0" fontId="38" fillId="24" borderId="116" xfId="1" applyFont="1" applyFill="1" applyBorder="1" applyAlignment="1">
      <alignment horizontal="center" vertical="center"/>
    </xf>
    <xf numFmtId="0" fontId="38" fillId="0" borderId="25" xfId="1" applyFont="1" applyFill="1" applyBorder="1" applyAlignment="1">
      <alignment vertical="center" shrinkToFit="1"/>
    </xf>
    <xf numFmtId="0" fontId="38" fillId="0" borderId="115" xfId="1" applyFont="1" applyFill="1" applyBorder="1" applyAlignment="1">
      <alignment vertical="center" shrinkToFit="1"/>
    </xf>
    <xf numFmtId="20" fontId="48" fillId="25" borderId="117" xfId="2" applyNumberFormat="1" applyFont="1" applyFill="1" applyBorder="1" applyAlignment="1">
      <alignment horizontal="center" vertical="center" shrinkToFit="1"/>
    </xf>
    <xf numFmtId="0" fontId="48" fillId="0" borderId="76" xfId="1" applyFont="1" applyFill="1" applyBorder="1" applyAlignment="1">
      <alignment vertical="center" shrinkToFit="1"/>
    </xf>
    <xf numFmtId="176" fontId="9" fillId="0" borderId="1" xfId="0" applyNumberFormat="1" applyFont="1" applyFill="1" applyBorder="1" applyAlignment="1">
      <alignment horizontal="center" vertical="center"/>
    </xf>
    <xf numFmtId="176" fontId="5" fillId="0" borderId="0" xfId="0" applyNumberFormat="1" applyFont="1" applyFill="1" applyAlignment="1">
      <alignment vertical="center"/>
    </xf>
    <xf numFmtId="176" fontId="5" fillId="0" borderId="0" xfId="0" applyNumberFormat="1" applyFont="1" applyFill="1" applyAlignment="1">
      <alignment horizontal="center" vertical="center"/>
    </xf>
    <xf numFmtId="0" fontId="8" fillId="0" borderId="102" xfId="0" applyFont="1" applyFill="1" applyBorder="1" applyAlignment="1">
      <alignment vertical="center" shrinkToFit="1"/>
    </xf>
    <xf numFmtId="176" fontId="2" fillId="64" borderId="0" xfId="0" applyNumberFormat="1" applyFont="1" applyFill="1" applyAlignment="1">
      <alignment vertical="center"/>
    </xf>
    <xf numFmtId="49" fontId="3" fillId="0" borderId="33" xfId="0" applyNumberFormat="1" applyFont="1" applyFill="1" applyBorder="1" applyAlignment="1">
      <alignment horizontal="center" vertical="center"/>
    </xf>
    <xf numFmtId="0" fontId="0" fillId="0" borderId="33" xfId="0" applyFont="1" applyBorder="1" applyAlignment="1">
      <alignment horizontal="center" vertical="center"/>
    </xf>
    <xf numFmtId="49" fontId="45" fillId="18" borderId="6" xfId="0" applyNumberFormat="1" applyFont="1" applyFill="1" applyBorder="1" applyAlignment="1">
      <alignment horizontal="center" vertical="center" textRotation="255" shrinkToFit="1" readingOrder="1"/>
    </xf>
    <xf numFmtId="49" fontId="45" fillId="18" borderId="34" xfId="0" applyNumberFormat="1" applyFont="1" applyFill="1" applyBorder="1" applyAlignment="1">
      <alignment horizontal="center" vertical="center" textRotation="255" shrinkToFit="1" readingOrder="1"/>
    </xf>
    <xf numFmtId="49" fontId="45" fillId="18" borderId="9" xfId="0" applyNumberFormat="1" applyFont="1" applyFill="1" applyBorder="1" applyAlignment="1">
      <alignment horizontal="center" vertical="center" textRotation="255" shrinkToFit="1" readingOrder="1"/>
    </xf>
    <xf numFmtId="49" fontId="3" fillId="0" borderId="0" xfId="0" applyNumberFormat="1" applyFont="1" applyFill="1" applyBorder="1" applyAlignment="1">
      <alignment horizontal="center" vertical="center"/>
    </xf>
    <xf numFmtId="49" fontId="45" fillId="18" borderId="6" xfId="0" applyNumberFormat="1" applyFont="1" applyFill="1" applyBorder="1" applyAlignment="1">
      <alignment horizontal="center" vertical="center" textRotation="255" readingOrder="1"/>
    </xf>
    <xf numFmtId="49" fontId="45" fillId="18" borderId="34" xfId="0" applyNumberFormat="1" applyFont="1" applyFill="1" applyBorder="1" applyAlignment="1">
      <alignment horizontal="center" vertical="center" textRotation="255" readingOrder="1"/>
    </xf>
    <xf numFmtId="49" fontId="45" fillId="18" borderId="9" xfId="0" applyNumberFormat="1" applyFont="1" applyFill="1" applyBorder="1" applyAlignment="1">
      <alignment horizontal="center" vertical="center" textRotation="255" readingOrder="1"/>
    </xf>
    <xf numFmtId="176" fontId="2" fillId="3" borderId="0" xfId="0" applyNumberFormat="1" applyFont="1" applyFill="1" applyAlignment="1">
      <alignment vertical="center"/>
    </xf>
    <xf numFmtId="0" fontId="0" fillId="3" borderId="0" xfId="0" applyFont="1" applyFill="1" applyAlignment="1">
      <alignment vertical="center"/>
    </xf>
    <xf numFmtId="176" fontId="5" fillId="2" borderId="1" xfId="0" applyNumberFormat="1" applyFont="1" applyFill="1" applyBorder="1" applyAlignment="1">
      <alignment horizontal="center" vertical="center" textRotation="255"/>
    </xf>
    <xf numFmtId="176" fontId="5" fillId="2" borderId="2" xfId="0" applyNumberFormat="1" applyFont="1" applyFill="1" applyBorder="1" applyAlignment="1">
      <alignment horizontal="center" vertical="center" textRotation="255"/>
    </xf>
    <xf numFmtId="0" fontId="38" fillId="4" borderId="25" xfId="1" applyFont="1" applyFill="1" applyBorder="1" applyAlignment="1">
      <alignment horizontal="left" vertical="center" shrinkToFit="1"/>
    </xf>
    <xf numFmtId="177" fontId="38" fillId="4" borderId="22" xfId="1" applyNumberFormat="1" applyFont="1" applyFill="1" applyBorder="1" applyAlignment="1">
      <alignment horizontal="center" vertical="center" wrapText="1" shrinkToFit="1"/>
    </xf>
    <xf numFmtId="177" fontId="38" fillId="25" borderId="45" xfId="1" applyNumberFormat="1" applyFont="1" applyFill="1" applyBorder="1" applyAlignment="1">
      <alignment horizontal="center" vertical="center" wrapText="1" shrinkToFit="1"/>
    </xf>
    <xf numFmtId="0" fontId="38" fillId="4" borderId="25" xfId="1" applyFont="1" applyFill="1" applyBorder="1" applyAlignment="1">
      <alignment horizontal="left" vertical="center" wrapText="1" shrinkToFit="1"/>
    </xf>
    <xf numFmtId="177" fontId="38" fillId="25" borderId="22" xfId="1" applyNumberFormat="1" applyFont="1" applyFill="1" applyBorder="1" applyAlignment="1">
      <alignment horizontal="center" vertical="center" wrapText="1" shrinkToFit="1"/>
    </xf>
    <xf numFmtId="177" fontId="38" fillId="25" borderId="45" xfId="1" applyNumberFormat="1" applyFont="1" applyFill="1" applyBorder="1" applyAlignment="1">
      <alignment horizontal="center" vertical="center" shrinkToFit="1"/>
    </xf>
    <xf numFmtId="0" fontId="43" fillId="23" borderId="0" xfId="1" applyFont="1" applyFill="1" applyBorder="1" applyAlignment="1">
      <alignment horizontal="left" vertical="center"/>
    </xf>
    <xf numFmtId="0" fontId="45" fillId="22" borderId="50" xfId="1" applyFont="1" applyFill="1" applyBorder="1" applyAlignment="1">
      <alignment horizontal="center" vertical="center" textRotation="255"/>
    </xf>
    <xf numFmtId="0" fontId="45" fillId="22" borderId="53" xfId="1" applyFont="1" applyFill="1" applyBorder="1" applyAlignment="1">
      <alignment horizontal="center" vertical="center" textRotation="255"/>
    </xf>
    <xf numFmtId="0" fontId="45" fillId="22" borderId="57" xfId="1" applyFont="1" applyFill="1" applyBorder="1" applyAlignment="1">
      <alignment horizontal="center" vertical="center" textRotation="255"/>
    </xf>
    <xf numFmtId="0" fontId="38" fillId="0" borderId="25" xfId="1" applyFont="1" applyFill="1" applyBorder="1" applyAlignment="1">
      <alignment horizontal="left" vertical="center" shrinkToFit="1"/>
    </xf>
    <xf numFmtId="0" fontId="38" fillId="0" borderId="25" xfId="1" applyFont="1" applyFill="1" applyBorder="1" applyAlignment="1">
      <alignment horizontal="left" vertical="center" wrapText="1" shrinkToFit="1"/>
    </xf>
    <xf numFmtId="177" fontId="38" fillId="25" borderId="22" xfId="1" applyNumberFormat="1" applyFont="1" applyFill="1" applyBorder="1" applyAlignment="1">
      <alignment horizontal="center" vertical="center" shrinkToFit="1"/>
    </xf>
    <xf numFmtId="177" fontId="38" fillId="0" borderId="22" xfId="1" applyNumberFormat="1" applyFont="1" applyFill="1" applyBorder="1" applyAlignment="1">
      <alignment horizontal="center" vertical="center" shrinkToFit="1"/>
    </xf>
    <xf numFmtId="176" fontId="2" fillId="27" borderId="0" xfId="0" applyNumberFormat="1" applyFont="1" applyFill="1" applyAlignment="1">
      <alignment vertical="center"/>
    </xf>
    <xf numFmtId="0" fontId="0" fillId="27" borderId="0" xfId="0" applyFill="1" applyAlignment="1">
      <alignment vertical="center"/>
    </xf>
    <xf numFmtId="0" fontId="11" fillId="26" borderId="50" xfId="0" applyFont="1" applyFill="1" applyBorder="1" applyAlignment="1">
      <alignment horizontal="center" vertical="center" textRotation="255"/>
    </xf>
    <xf numFmtId="0" fontId="11" fillId="26" borderId="53" xfId="0" applyFont="1" applyFill="1" applyBorder="1" applyAlignment="1">
      <alignment horizontal="center" vertical="center" textRotation="255"/>
    </xf>
    <xf numFmtId="0" fontId="11" fillId="26" borderId="42" xfId="0" applyFont="1" applyFill="1" applyBorder="1" applyAlignment="1">
      <alignment horizontal="center" vertical="center" textRotation="255"/>
    </xf>
    <xf numFmtId="0" fontId="11" fillId="26" borderId="57" xfId="0" applyFont="1" applyFill="1" applyBorder="1" applyAlignment="1">
      <alignment horizontal="center" vertical="center" textRotation="255"/>
    </xf>
    <xf numFmtId="176" fontId="11" fillId="26" borderId="50" xfId="0" applyNumberFormat="1" applyFont="1" applyFill="1" applyBorder="1" applyAlignment="1">
      <alignment horizontal="center" vertical="center" textRotation="255"/>
    </xf>
    <xf numFmtId="0" fontId="0" fillId="0" borderId="53" xfId="0" applyBorder="1" applyAlignment="1">
      <alignment horizontal="center" vertical="center" textRotation="255"/>
    </xf>
    <xf numFmtId="0" fontId="0" fillId="0" borderId="42" xfId="0" applyBorder="1" applyAlignment="1">
      <alignment horizontal="center" vertical="center" textRotation="255"/>
    </xf>
    <xf numFmtId="0" fontId="0" fillId="0" borderId="57" xfId="0" applyBorder="1" applyAlignment="1">
      <alignment horizontal="center" vertical="center" textRotation="255"/>
    </xf>
    <xf numFmtId="176" fontId="25" fillId="65" borderId="0" xfId="0" applyNumberFormat="1" applyFont="1" applyFill="1" applyAlignment="1">
      <alignment vertical="center"/>
    </xf>
    <xf numFmtId="0" fontId="25" fillId="65" borderId="0" xfId="0" applyFont="1" applyFill="1" applyAlignment="1">
      <alignment vertical="center"/>
    </xf>
    <xf numFmtId="178" fontId="46" fillId="66" borderId="34" xfId="0" applyNumberFormat="1" applyFont="1" applyFill="1" applyBorder="1" applyAlignment="1">
      <alignment horizontal="center" vertical="center" textRotation="255"/>
    </xf>
    <xf numFmtId="0" fontId="46" fillId="66" borderId="34" xfId="0" applyFont="1" applyFill="1" applyBorder="1" applyAlignment="1">
      <alignment horizontal="center" vertical="center" textRotation="255"/>
    </xf>
    <xf numFmtId="178" fontId="46" fillId="66" borderId="62" xfId="0" applyNumberFormat="1" applyFont="1" applyFill="1" applyBorder="1" applyAlignment="1">
      <alignment horizontal="center" vertical="center" textRotation="255"/>
    </xf>
    <xf numFmtId="0" fontId="46" fillId="66" borderId="64" xfId="0" applyFont="1" applyFill="1" applyBorder="1" applyAlignment="1">
      <alignment horizontal="center" vertical="center" textRotation="255"/>
    </xf>
    <xf numFmtId="0" fontId="46" fillId="66" borderId="9" xfId="0" applyFont="1" applyFill="1" applyBorder="1" applyAlignment="1">
      <alignment horizontal="center" vertical="center" textRotation="255"/>
    </xf>
    <xf numFmtId="0" fontId="2" fillId="8" borderId="0" xfId="0" applyFont="1" applyFill="1" applyAlignment="1">
      <alignment vertical="center"/>
    </xf>
    <xf numFmtId="0" fontId="0" fillId="8" borderId="0" xfId="0" applyFont="1" applyFill="1" applyAlignment="1">
      <alignment vertical="center"/>
    </xf>
    <xf numFmtId="0" fontId="11" fillId="9" borderId="15" xfId="0" applyFont="1" applyFill="1" applyBorder="1" applyAlignment="1">
      <alignment horizontal="center" vertical="center" textRotation="255"/>
    </xf>
    <xf numFmtId="0" fontId="11" fillId="9" borderId="17" xfId="0" applyFont="1" applyFill="1" applyBorder="1" applyAlignment="1">
      <alignment horizontal="center" vertical="center" textRotation="255"/>
    </xf>
    <xf numFmtId="0" fontId="11" fillId="9" borderId="24" xfId="0" applyFont="1" applyFill="1" applyBorder="1" applyAlignment="1">
      <alignment horizontal="center" vertical="center" textRotation="255"/>
    </xf>
    <xf numFmtId="0" fontId="11" fillId="9" borderId="19" xfId="0" applyFont="1" applyFill="1" applyBorder="1" applyAlignment="1">
      <alignment horizontal="center" vertical="center" textRotation="255"/>
    </xf>
    <xf numFmtId="0" fontId="11" fillId="9" borderId="21" xfId="0" applyFont="1" applyFill="1" applyBorder="1" applyAlignment="1">
      <alignment horizontal="center" vertical="center" textRotation="255"/>
    </xf>
    <xf numFmtId="0" fontId="11" fillId="9" borderId="23" xfId="0" applyFont="1" applyFill="1" applyBorder="1" applyAlignment="1">
      <alignment horizontal="center" vertical="center" textRotation="255"/>
    </xf>
    <xf numFmtId="0" fontId="11" fillId="9" borderId="27" xfId="0" applyFont="1" applyFill="1" applyBorder="1" applyAlignment="1">
      <alignment horizontal="center" vertical="center" textRotation="255"/>
    </xf>
    <xf numFmtId="0" fontId="44" fillId="32" borderId="0" xfId="2" applyFont="1" applyFill="1" applyBorder="1" applyAlignment="1">
      <alignment horizontal="left" vertical="center"/>
    </xf>
    <xf numFmtId="0" fontId="45" fillId="31" borderId="50" xfId="2" applyFont="1" applyFill="1" applyBorder="1" applyAlignment="1">
      <alignment horizontal="center" vertical="center" textRotation="255"/>
    </xf>
    <xf numFmtId="0" fontId="45" fillId="31" borderId="53" xfId="2" applyFont="1" applyFill="1" applyBorder="1" applyAlignment="1">
      <alignment horizontal="center" vertical="center" textRotation="255"/>
    </xf>
    <xf numFmtId="0" fontId="45" fillId="31" borderId="42" xfId="2" applyFont="1" applyFill="1" applyBorder="1" applyAlignment="1">
      <alignment horizontal="center" vertical="center" textRotation="255"/>
    </xf>
    <xf numFmtId="0" fontId="45" fillId="31" borderId="57" xfId="2" applyFont="1" applyFill="1" applyBorder="1" applyAlignment="1">
      <alignment horizontal="center" vertical="center" textRotation="255"/>
    </xf>
    <xf numFmtId="176" fontId="2" fillId="12" borderId="0" xfId="0" applyNumberFormat="1" applyFont="1" applyFill="1" applyAlignment="1">
      <alignment vertical="center"/>
    </xf>
    <xf numFmtId="0" fontId="0" fillId="12" borderId="0" xfId="0" applyFont="1" applyFill="1" applyAlignment="1">
      <alignment vertical="center"/>
    </xf>
    <xf numFmtId="176" fontId="11" fillId="11" borderId="1" xfId="0" applyNumberFormat="1" applyFont="1" applyFill="1" applyBorder="1" applyAlignment="1">
      <alignment horizontal="center" vertical="center" textRotation="255"/>
    </xf>
    <xf numFmtId="176" fontId="11" fillId="11" borderId="2" xfId="0" applyNumberFormat="1" applyFont="1" applyFill="1" applyBorder="1" applyAlignment="1">
      <alignment horizontal="center" vertical="center" textRotation="255"/>
    </xf>
    <xf numFmtId="176" fontId="11" fillId="22" borderId="6" xfId="0" applyNumberFormat="1" applyFont="1" applyFill="1" applyBorder="1" applyAlignment="1">
      <alignment horizontal="center" vertical="center" textRotation="255"/>
    </xf>
    <xf numFmtId="0" fontId="11" fillId="22" borderId="34" xfId="0" applyFont="1" applyFill="1" applyBorder="1" applyAlignment="1">
      <alignment horizontal="center" vertical="center" textRotation="255"/>
    </xf>
    <xf numFmtId="0" fontId="11" fillId="22" borderId="64" xfId="0" applyFont="1" applyFill="1" applyBorder="1" applyAlignment="1">
      <alignment vertical="center" textRotation="255"/>
    </xf>
    <xf numFmtId="0" fontId="11" fillId="22" borderId="34" xfId="0" applyFont="1" applyFill="1" applyBorder="1" applyAlignment="1">
      <alignment vertical="center"/>
    </xf>
    <xf numFmtId="0" fontId="11" fillId="0" borderId="9" xfId="0" applyFont="1" applyBorder="1" applyAlignment="1">
      <alignment vertical="center"/>
    </xf>
    <xf numFmtId="176" fontId="20" fillId="23" borderId="0" xfId="0" applyNumberFormat="1" applyFont="1" applyFill="1" applyAlignment="1">
      <alignment horizontal="left" vertical="center"/>
    </xf>
    <xf numFmtId="176" fontId="11" fillId="22" borderId="6" xfId="0" applyNumberFormat="1" applyFont="1" applyFill="1" applyBorder="1" applyAlignment="1">
      <alignment horizontal="center" vertical="center" textRotation="255" shrinkToFit="1"/>
    </xf>
    <xf numFmtId="176" fontId="11" fillId="22" borderId="34" xfId="0" applyNumberFormat="1" applyFont="1" applyFill="1" applyBorder="1" applyAlignment="1">
      <alignment horizontal="center" vertical="center" textRotation="255" shrinkToFit="1"/>
    </xf>
    <xf numFmtId="176" fontId="11" fillId="22" borderId="9" xfId="0" applyNumberFormat="1" applyFont="1" applyFill="1" applyBorder="1" applyAlignment="1">
      <alignment horizontal="center" vertical="center" textRotation="255" shrinkToFit="1"/>
    </xf>
    <xf numFmtId="176" fontId="2" fillId="37" borderId="0" xfId="0" applyNumberFormat="1" applyFont="1" applyFill="1" applyAlignment="1">
      <alignment horizontal="left" vertical="center"/>
    </xf>
    <xf numFmtId="176" fontId="11" fillId="36" borderId="6" xfId="0" applyNumberFormat="1" applyFont="1" applyFill="1" applyBorder="1" applyAlignment="1">
      <alignment horizontal="center" vertical="center" textRotation="255"/>
    </xf>
    <xf numFmtId="176" fontId="11" fillId="36" borderId="34" xfId="0" applyNumberFormat="1" applyFont="1" applyFill="1" applyBorder="1" applyAlignment="1">
      <alignment horizontal="center" vertical="center" textRotation="255"/>
    </xf>
    <xf numFmtId="176" fontId="11" fillId="36" borderId="9" xfId="0" applyNumberFormat="1" applyFont="1" applyFill="1" applyBorder="1" applyAlignment="1">
      <alignment horizontal="center" vertical="center" textRotation="255"/>
    </xf>
    <xf numFmtId="176" fontId="11" fillId="36" borderId="6" xfId="0" applyNumberFormat="1" applyFont="1" applyFill="1" applyBorder="1" applyAlignment="1">
      <alignment horizontal="center" vertical="center" textRotation="255" shrinkToFit="1"/>
    </xf>
    <xf numFmtId="176" fontId="11" fillId="36" borderId="34" xfId="0" applyNumberFormat="1" applyFont="1" applyFill="1" applyBorder="1" applyAlignment="1">
      <alignment horizontal="center" vertical="center" textRotation="255" shrinkToFit="1"/>
    </xf>
    <xf numFmtId="176" fontId="11" fillId="36" borderId="9" xfId="0" applyNumberFormat="1" applyFont="1" applyFill="1" applyBorder="1" applyAlignment="1">
      <alignment horizontal="center" vertical="center" textRotation="255" shrinkToFit="1"/>
    </xf>
    <xf numFmtId="176" fontId="11" fillId="11" borderId="6" xfId="0" applyNumberFormat="1" applyFont="1" applyFill="1" applyBorder="1" applyAlignment="1">
      <alignment horizontal="center" vertical="center" textRotation="255"/>
    </xf>
    <xf numFmtId="0" fontId="11" fillId="11" borderId="34" xfId="0" applyFont="1" applyFill="1" applyBorder="1" applyAlignment="1">
      <alignment horizontal="center" vertical="center" textRotation="255"/>
    </xf>
    <xf numFmtId="0" fontId="11" fillId="11" borderId="64" xfId="0" applyFont="1" applyFill="1" applyBorder="1" applyAlignment="1">
      <alignment horizontal="center" vertical="center" textRotation="255"/>
    </xf>
    <xf numFmtId="0" fontId="11" fillId="11" borderId="9" xfId="0" applyFont="1" applyFill="1" applyBorder="1" applyAlignment="1">
      <alignment vertical="center" textRotation="255"/>
    </xf>
    <xf numFmtId="0" fontId="11" fillId="11" borderId="34" xfId="0" applyFont="1" applyFill="1" applyBorder="1" applyAlignment="1">
      <alignment vertical="center" textRotation="255"/>
    </xf>
    <xf numFmtId="0" fontId="11" fillId="11" borderId="64" xfId="0" applyFont="1" applyFill="1" applyBorder="1" applyAlignment="1">
      <alignment vertical="center" textRotation="255"/>
    </xf>
    <xf numFmtId="0" fontId="11" fillId="11" borderId="11" xfId="0" applyFont="1" applyFill="1" applyBorder="1" applyAlignment="1">
      <alignment vertical="center" textRotation="255"/>
    </xf>
    <xf numFmtId="176" fontId="2" fillId="69" borderId="0" xfId="0" applyNumberFormat="1" applyFont="1" applyFill="1" applyAlignment="1">
      <alignment horizontal="left" vertical="center"/>
    </xf>
    <xf numFmtId="176" fontId="11" fillId="34" borderId="1" xfId="0" applyNumberFormat="1" applyFont="1" applyFill="1" applyBorder="1" applyAlignment="1">
      <alignment horizontal="center" vertical="center" textRotation="255"/>
    </xf>
    <xf numFmtId="176" fontId="2" fillId="70" borderId="0" xfId="0" applyNumberFormat="1" applyFont="1" applyFill="1" applyAlignment="1">
      <alignment horizontal="left" vertical="center"/>
    </xf>
    <xf numFmtId="176" fontId="20" fillId="41" borderId="0" xfId="0" applyNumberFormat="1" applyFont="1" applyFill="1" applyAlignment="1">
      <alignment vertical="center"/>
    </xf>
    <xf numFmtId="0" fontId="0" fillId="41" borderId="0" xfId="0" applyFill="1" applyAlignment="1">
      <alignment vertical="center"/>
    </xf>
    <xf numFmtId="176" fontId="1" fillId="40" borderId="6" xfId="0" applyNumberFormat="1" applyFont="1" applyFill="1" applyBorder="1" applyAlignment="1">
      <alignment horizontal="center" vertical="center" textRotation="255"/>
    </xf>
    <xf numFmtId="176" fontId="1" fillId="40" borderId="34" xfId="0" applyNumberFormat="1" applyFont="1" applyFill="1" applyBorder="1" applyAlignment="1">
      <alignment horizontal="center" vertical="center" textRotation="255"/>
    </xf>
    <xf numFmtId="176" fontId="1" fillId="40" borderId="64" xfId="0" applyNumberFormat="1" applyFont="1" applyFill="1" applyBorder="1" applyAlignment="1">
      <alignment horizontal="center" vertical="center" textRotation="255"/>
    </xf>
    <xf numFmtId="176" fontId="1" fillId="40" borderId="9" xfId="0" applyNumberFormat="1" applyFont="1" applyFill="1" applyBorder="1" applyAlignment="1">
      <alignment horizontal="center" vertical="center" textRotation="255"/>
    </xf>
    <xf numFmtId="176" fontId="0" fillId="40" borderId="6" xfId="0" applyNumberFormat="1" applyFont="1" applyFill="1" applyBorder="1" applyAlignment="1">
      <alignment horizontal="center" vertical="center" textRotation="255"/>
    </xf>
    <xf numFmtId="176" fontId="0" fillId="40" borderId="34" xfId="0" applyNumberFormat="1" applyFont="1" applyFill="1" applyBorder="1" applyAlignment="1">
      <alignment horizontal="center" vertical="center" textRotation="255"/>
    </xf>
    <xf numFmtId="176" fontId="0" fillId="40" borderId="9" xfId="0" applyNumberFormat="1" applyFont="1" applyFill="1" applyBorder="1" applyAlignment="1">
      <alignment horizontal="center" vertical="center" textRotation="255"/>
    </xf>
    <xf numFmtId="176" fontId="7" fillId="0" borderId="6" xfId="0" applyNumberFormat="1" applyFont="1" applyFill="1" applyBorder="1" applyAlignment="1">
      <alignment horizontal="center" vertical="center"/>
    </xf>
    <xf numFmtId="176" fontId="7" fillId="0" borderId="1" xfId="0" applyNumberFormat="1" applyFont="1" applyFill="1" applyBorder="1" applyAlignment="1">
      <alignment horizontal="center" vertical="center"/>
    </xf>
    <xf numFmtId="176" fontId="2" fillId="44" borderId="0" xfId="0" applyNumberFormat="1" applyFont="1" applyFill="1" applyAlignment="1">
      <alignment vertical="center"/>
    </xf>
    <xf numFmtId="0" fontId="0" fillId="44" borderId="0" xfId="0" applyFont="1" applyFill="1" applyAlignment="1">
      <alignment vertical="center"/>
    </xf>
    <xf numFmtId="0" fontId="11" fillId="43" borderId="6" xfId="0" applyFont="1" applyFill="1" applyBorder="1" applyAlignment="1">
      <alignment horizontal="center" vertical="center" textRotation="255"/>
    </xf>
    <xf numFmtId="0" fontId="11" fillId="43" borderId="64" xfId="0" applyFont="1" applyFill="1" applyBorder="1" applyAlignment="1">
      <alignment horizontal="center" vertical="center" textRotation="255"/>
    </xf>
    <xf numFmtId="0" fontId="11" fillId="43" borderId="34" xfId="0" applyFont="1" applyFill="1" applyBorder="1" applyAlignment="1">
      <alignment horizontal="center" vertical="center" textRotation="255"/>
    </xf>
    <xf numFmtId="0" fontId="11" fillId="43" borderId="11" xfId="0" applyFont="1" applyFill="1" applyBorder="1" applyAlignment="1">
      <alignment horizontal="center" vertical="center" textRotation="255"/>
    </xf>
    <xf numFmtId="0" fontId="4" fillId="49" borderId="0" xfId="0" applyFont="1" applyFill="1" applyAlignment="1">
      <alignment horizontal="left" vertical="center"/>
    </xf>
    <xf numFmtId="0" fontId="0" fillId="49" borderId="0" xfId="0" applyFont="1" applyFill="1" applyAlignment="1">
      <alignment horizontal="left" vertical="center"/>
    </xf>
    <xf numFmtId="0" fontId="0" fillId="0" borderId="0" xfId="0" applyFont="1" applyAlignment="1">
      <alignment vertical="center"/>
    </xf>
    <xf numFmtId="49" fontId="50" fillId="50" borderId="34" xfId="0" applyNumberFormat="1" applyFont="1" applyFill="1" applyBorder="1" applyAlignment="1">
      <alignment horizontal="center" vertical="center" textRotation="255" readingOrder="1"/>
    </xf>
    <xf numFmtId="49" fontId="50" fillId="50" borderId="9" xfId="0" applyNumberFormat="1" applyFont="1" applyFill="1" applyBorder="1" applyAlignment="1">
      <alignment horizontal="center" vertical="center" textRotation="255" readingOrder="1"/>
    </xf>
    <xf numFmtId="49" fontId="50" fillId="50" borderId="1" xfId="0" applyNumberFormat="1" applyFont="1" applyFill="1" applyBorder="1" applyAlignment="1">
      <alignment horizontal="center" vertical="center" textRotation="255" readingOrder="1"/>
    </xf>
    <xf numFmtId="0" fontId="0" fillId="49" borderId="0" xfId="0" applyFill="1" applyAlignment="1">
      <alignment horizontal="left" vertical="center"/>
    </xf>
    <xf numFmtId="0" fontId="0" fillId="0" borderId="0" xfId="0" applyAlignment="1">
      <alignment vertical="center"/>
    </xf>
    <xf numFmtId="49" fontId="31" fillId="50" borderId="1" xfId="0" applyNumberFormat="1" applyFont="1" applyFill="1" applyBorder="1" applyAlignment="1">
      <alignment horizontal="center" vertical="center" textRotation="255" readingOrder="1"/>
    </xf>
    <xf numFmtId="49" fontId="14" fillId="50" borderId="1" xfId="0" applyNumberFormat="1" applyFont="1" applyFill="1" applyBorder="1" applyAlignment="1">
      <alignment horizontal="center" vertical="center" textRotation="255" readingOrder="1"/>
    </xf>
    <xf numFmtId="176" fontId="2" fillId="56" borderId="0" xfId="0" applyNumberFormat="1" applyFont="1" applyFill="1" applyAlignment="1">
      <alignment vertical="center"/>
    </xf>
    <xf numFmtId="176" fontId="36" fillId="55" borderId="109" xfId="0" applyNumberFormat="1" applyFont="1" applyFill="1" applyBorder="1" applyAlignment="1">
      <alignment horizontal="center" vertical="center" textRotation="255"/>
    </xf>
    <xf numFmtId="176" fontId="36" fillId="55" borderId="110" xfId="0" applyNumberFormat="1" applyFont="1" applyFill="1" applyBorder="1" applyAlignment="1">
      <alignment horizontal="center" vertical="center" textRotation="255"/>
    </xf>
    <xf numFmtId="176" fontId="36" fillId="55" borderId="111" xfId="0" applyNumberFormat="1" applyFont="1" applyFill="1" applyBorder="1" applyAlignment="1">
      <alignment horizontal="center" vertical="center" textRotation="255"/>
    </xf>
    <xf numFmtId="176" fontId="36" fillId="55" borderId="112" xfId="0" applyNumberFormat="1" applyFont="1" applyFill="1" applyBorder="1" applyAlignment="1">
      <alignment horizontal="center" vertical="center" textRotation="255"/>
    </xf>
    <xf numFmtId="176" fontId="37" fillId="4" borderId="0" xfId="0" applyNumberFormat="1" applyFont="1" applyFill="1" applyAlignment="1">
      <alignment horizontal="left" vertical="center"/>
    </xf>
    <xf numFmtId="176" fontId="2" fillId="59" borderId="0" xfId="0" applyNumberFormat="1" applyFont="1" applyFill="1" applyAlignment="1">
      <alignment vertical="center"/>
    </xf>
    <xf numFmtId="0" fontId="0" fillId="59" borderId="0" xfId="0" applyFill="1" applyAlignment="1">
      <alignment vertical="center"/>
    </xf>
    <xf numFmtId="176" fontId="5" fillId="17" borderId="1" xfId="0" applyNumberFormat="1" applyFont="1" applyFill="1" applyBorder="1" applyAlignment="1">
      <alignment horizontal="center" vertical="center" textRotation="255"/>
    </xf>
    <xf numFmtId="176" fontId="5" fillId="17" borderId="2" xfId="0" applyNumberFormat="1" applyFont="1" applyFill="1" applyBorder="1" applyAlignment="1">
      <alignment horizontal="center" vertical="center" textRotation="255"/>
    </xf>
    <xf numFmtId="0" fontId="24" fillId="0" borderId="93" xfId="1" applyFont="1" applyFill="1" applyBorder="1" applyAlignment="1">
      <alignment horizontal="left" vertical="top" wrapText="1"/>
    </xf>
    <xf numFmtId="0" fontId="39" fillId="61" borderId="0" xfId="1" applyFont="1" applyFill="1" applyAlignment="1">
      <alignment horizontal="left"/>
    </xf>
    <xf numFmtId="0" fontId="11" fillId="60" borderId="50" xfId="1" applyFont="1" applyFill="1" applyBorder="1" applyAlignment="1">
      <alignment horizontal="center" vertical="center" wrapText="1"/>
    </xf>
    <xf numFmtId="0" fontId="11" fillId="60" borderId="53" xfId="1" applyFont="1" applyFill="1" applyBorder="1" applyAlignment="1">
      <alignment horizontal="center" vertical="center"/>
    </xf>
    <xf numFmtId="0" fontId="11" fillId="60" borderId="57" xfId="1" applyFont="1" applyFill="1" applyBorder="1" applyAlignment="1">
      <alignment horizontal="center" vertical="center"/>
    </xf>
    <xf numFmtId="0" fontId="0" fillId="8" borderId="0" xfId="0" applyFill="1" applyAlignment="1">
      <alignment vertical="center"/>
    </xf>
    <xf numFmtId="0" fontId="10" fillId="14" borderId="1" xfId="0" applyFont="1" applyFill="1" applyBorder="1" applyAlignment="1">
      <alignment horizontal="center" vertical="center" textRotation="255"/>
    </xf>
    <xf numFmtId="0" fontId="10" fillId="14" borderId="2" xfId="0" applyFont="1" applyFill="1" applyBorder="1" applyAlignment="1">
      <alignment horizontal="center" vertical="center" textRotation="255"/>
    </xf>
  </cellXfs>
  <cellStyles count="3">
    <cellStyle name="標準" xfId="0" builtinId="0"/>
    <cellStyle name="標準 2" xfId="1"/>
    <cellStyle name="標準 3" xfId="2"/>
  </cellStyles>
  <dxfs count="0"/>
  <tableStyles count="0" defaultTableStyle="TableStyleMedium2" defaultPivotStyle="PivotStyleLight16"/>
  <colors>
    <mruColors>
      <color rgb="FFFDCCFF"/>
      <color rgb="FFFF6699"/>
      <color rgb="FF99CCFF"/>
      <color rgb="FFFCE4F3"/>
      <color rgb="FFFEE1FF"/>
      <color rgb="FF000000"/>
      <color rgb="FF3399FF"/>
      <color rgb="FFCCFF33"/>
      <color rgb="FF68ED33"/>
      <color rgb="FF9D0BC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pn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4.png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971550</xdr:colOff>
      <xdr:row>7</xdr:row>
      <xdr:rowOff>114300</xdr:rowOff>
    </xdr:from>
    <xdr:to>
      <xdr:col>1</xdr:col>
      <xdr:colOff>1125645</xdr:colOff>
      <xdr:row>7</xdr:row>
      <xdr:rowOff>265082</xdr:rowOff>
    </xdr:to>
    <xdr:pic>
      <xdr:nvPicPr>
        <xdr:cNvPr id="2" name="図 1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00175" y="2857500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</xdr:col>
      <xdr:colOff>977900</xdr:colOff>
      <xdr:row>13</xdr:row>
      <xdr:rowOff>123825</xdr:rowOff>
    </xdr:from>
    <xdr:to>
      <xdr:col>1</xdr:col>
      <xdr:colOff>1131995</xdr:colOff>
      <xdr:row>13</xdr:row>
      <xdr:rowOff>274607</xdr:rowOff>
    </xdr:to>
    <xdr:pic>
      <xdr:nvPicPr>
        <xdr:cNvPr id="3" name="図 2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409700" y="4530725"/>
          <a:ext cx="154095" cy="150782"/>
        </a:xfrm>
        <a:prstGeom prst="rect">
          <a:avLst/>
        </a:prstGeom>
      </xdr:spPr>
    </xdr:pic>
    <xdr:clientData/>
  </xdr:twoCellAnchor>
  <xdr:twoCellAnchor>
    <xdr:from>
      <xdr:col>19</xdr:col>
      <xdr:colOff>171449</xdr:colOff>
      <xdr:row>20</xdr:row>
      <xdr:rowOff>161925</xdr:rowOff>
    </xdr:from>
    <xdr:to>
      <xdr:col>23</xdr:col>
      <xdr:colOff>123824</xdr:colOff>
      <xdr:row>22</xdr:row>
      <xdr:rowOff>106363</xdr:rowOff>
    </xdr:to>
    <xdr:grpSp>
      <xdr:nvGrpSpPr>
        <xdr:cNvPr id="4" name="グループ化 3"/>
        <xdr:cNvGrpSpPr/>
      </xdr:nvGrpSpPr>
      <xdr:grpSpPr>
        <a:xfrm>
          <a:off x="9734549" y="6918325"/>
          <a:ext cx="1831975" cy="300038"/>
          <a:chOff x="4591050" y="12115800"/>
          <a:chExt cx="1708619" cy="290513"/>
        </a:xfrm>
      </xdr:grpSpPr>
      <xdr:sp macro="" textlink="">
        <xdr:nvSpPr>
          <xdr:cNvPr id="5" name="正方形/長方形 4"/>
          <xdr:cNvSpPr/>
        </xdr:nvSpPr>
        <xdr:spPr>
          <a:xfrm>
            <a:off x="4599895" y="12139613"/>
            <a:ext cx="1699774" cy="2667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wrap="square" tIns="0" bIns="0" rtlCol="0" anchor="ctr">
            <a:noAutofit/>
          </a:bodyPr>
          <a:lstStyle/>
          <a:p>
            <a:pPr algn="l"/>
            <a:r>
              <a:rPr kumimoji="1" lang="ja-JP" altLang="en-US" sz="1100">
                <a:solidFill>
                  <a:schemeClr val="tx1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　　万葉線との連絡あり</a:t>
            </a:r>
            <a:endParaRPr kumimoji="1" lang="en-US" altLang="ja-JP" sz="1100">
              <a:solidFill>
                <a:schemeClr val="tx1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endParaRPr>
          </a:p>
        </xdr:txBody>
      </xdr:sp>
      <xdr:grpSp>
        <xdr:nvGrpSpPr>
          <xdr:cNvPr id="6" name="グループ化 5"/>
          <xdr:cNvGrpSpPr/>
        </xdr:nvGrpSpPr>
        <xdr:grpSpPr>
          <a:xfrm>
            <a:off x="4591050" y="12115800"/>
            <a:ext cx="254955" cy="283142"/>
            <a:chOff x="8650920" y="453691"/>
            <a:chExt cx="254955" cy="282170"/>
          </a:xfrm>
        </xdr:grpSpPr>
        <xdr:sp macro="" textlink="">
          <xdr:nvSpPr>
            <xdr:cNvPr id="7" name="角丸四角形 6"/>
            <xdr:cNvSpPr/>
          </xdr:nvSpPr>
          <xdr:spPr>
            <a:xfrm>
              <a:off x="8741157" y="537123"/>
              <a:ext cx="147386" cy="148389"/>
            </a:xfrm>
            <a:prstGeom prst="roundRect">
              <a:avLst/>
            </a:prstGeom>
            <a:solidFill>
              <a:srgbClr val="FF0000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kumimoji="1" lang="ja-JP" altLang="en-US" sz="1100"/>
            </a:p>
          </xdr:txBody>
        </xdr:sp>
        <xdr:sp macro="" textlink="">
          <xdr:nvSpPr>
            <xdr:cNvPr id="8" name="角丸四角形 7"/>
            <xdr:cNvSpPr/>
          </xdr:nvSpPr>
          <xdr:spPr>
            <a:xfrm>
              <a:off x="8650920" y="453691"/>
              <a:ext cx="254955" cy="282170"/>
            </a:xfrm>
            <a:prstGeom prst="roundRect">
              <a:avLst/>
            </a:prstGeom>
            <a:noFill/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r>
                <a:rPr kumimoji="1" lang="ja-JP" altLang="en-US" sz="900"/>
                <a:t>万</a:t>
              </a:r>
            </a:p>
          </xdr:txBody>
        </xdr:sp>
      </xdr:grpSp>
    </xdr:grp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663883</xdr:colOff>
      <xdr:row>0</xdr:row>
      <xdr:rowOff>217713</xdr:rowOff>
    </xdr:from>
    <xdr:to>
      <xdr:col>9</xdr:col>
      <xdr:colOff>738101</xdr:colOff>
      <xdr:row>2</xdr:row>
      <xdr:rowOff>18142</xdr:rowOff>
    </xdr:to>
    <xdr:grpSp>
      <xdr:nvGrpSpPr>
        <xdr:cNvPr id="2" name="グループ化 1"/>
        <xdr:cNvGrpSpPr/>
      </xdr:nvGrpSpPr>
      <xdr:grpSpPr>
        <a:xfrm>
          <a:off x="3054658" y="217713"/>
          <a:ext cx="3741343" cy="276679"/>
          <a:chOff x="2646069" y="223993"/>
          <a:chExt cx="2780914" cy="276679"/>
        </a:xfrm>
      </xdr:grpSpPr>
      <xdr:sp macro="" textlink="">
        <xdr:nvSpPr>
          <xdr:cNvPr id="3" name="正方形/長方形 2"/>
          <xdr:cNvSpPr/>
        </xdr:nvSpPr>
        <xdr:spPr>
          <a:xfrm>
            <a:off x="2930526" y="238124"/>
            <a:ext cx="2496457" cy="257175"/>
          </a:xfrm>
          <a:prstGeom prst="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1100" b="1">
                <a:solidFill>
                  <a:srgbClr val="FF0000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この路線は</a:t>
            </a:r>
            <a:r>
              <a:rPr kumimoji="1" lang="en-US" altLang="ja-JP" sz="1100" b="1">
                <a:solidFill>
                  <a:srgbClr val="FF0000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12</a:t>
            </a:r>
            <a:r>
              <a:rPr kumimoji="1" lang="ja-JP" altLang="en-US" sz="1100" b="1">
                <a:solidFill>
                  <a:srgbClr val="FF0000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月～</a:t>
            </a:r>
            <a:r>
              <a:rPr kumimoji="1" lang="en-US" altLang="ja-JP" sz="1100" b="1">
                <a:solidFill>
                  <a:srgbClr val="FF0000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2</a:t>
            </a:r>
            <a:r>
              <a:rPr kumimoji="1" lang="ja-JP" altLang="en-US" sz="1100" b="1">
                <a:solidFill>
                  <a:srgbClr val="FF0000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月の平日のみ運行</a:t>
            </a:r>
          </a:p>
        </xdr:txBody>
      </xdr:sp>
      <xdr:grpSp>
        <xdr:nvGrpSpPr>
          <xdr:cNvPr id="4" name="グループ化 3"/>
          <xdr:cNvGrpSpPr/>
        </xdr:nvGrpSpPr>
        <xdr:grpSpPr>
          <a:xfrm>
            <a:off x="2646069" y="223993"/>
            <a:ext cx="543326" cy="276679"/>
            <a:chOff x="2646069" y="223993"/>
            <a:chExt cx="543326" cy="276679"/>
          </a:xfrm>
        </xdr:grpSpPr>
        <xdr:sp macro="" textlink="">
          <xdr:nvSpPr>
            <xdr:cNvPr id="5" name="角丸四角形 4"/>
            <xdr:cNvSpPr/>
          </xdr:nvSpPr>
          <xdr:spPr>
            <a:xfrm>
              <a:off x="2646069" y="301101"/>
              <a:ext cx="335642" cy="172356"/>
            </a:xfrm>
            <a:prstGeom prst="roundRect">
              <a:avLst/>
            </a:prstGeom>
            <a:solidFill>
              <a:srgbClr val="FF0000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kumimoji="1" lang="ja-JP" altLang="en-US" sz="1000">
                <a:solidFill>
                  <a:schemeClr val="bg1"/>
                </a:solidFill>
              </a:endParaRPr>
            </a:p>
          </xdr:txBody>
        </xdr:sp>
        <xdr:sp macro="" textlink="">
          <xdr:nvSpPr>
            <xdr:cNvPr id="6" name="角丸四角形 5"/>
            <xdr:cNvSpPr/>
          </xdr:nvSpPr>
          <xdr:spPr>
            <a:xfrm>
              <a:off x="2648202" y="223993"/>
              <a:ext cx="541193" cy="276679"/>
            </a:xfrm>
            <a:prstGeom prst="roundRect">
              <a:avLst/>
            </a:prstGeom>
            <a:noFill/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r>
                <a:rPr kumimoji="1" lang="ja-JP" altLang="en-US" sz="1000" b="1">
                  <a:solidFill>
                    <a:schemeClr val="bg1"/>
                  </a:solidFill>
                </a:rPr>
                <a:t>注意</a:t>
              </a:r>
            </a:p>
          </xdr:txBody>
        </xdr:sp>
      </xdr:grpSp>
    </xdr:grpSp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8575</xdr:colOff>
      <xdr:row>0</xdr:row>
      <xdr:rowOff>209550</xdr:rowOff>
    </xdr:from>
    <xdr:to>
      <xdr:col>8</xdr:col>
      <xdr:colOff>750493</xdr:colOff>
      <xdr:row>2</xdr:row>
      <xdr:rowOff>9979</xdr:rowOff>
    </xdr:to>
    <xdr:grpSp>
      <xdr:nvGrpSpPr>
        <xdr:cNvPr id="2" name="グループ化 1"/>
        <xdr:cNvGrpSpPr/>
      </xdr:nvGrpSpPr>
      <xdr:grpSpPr>
        <a:xfrm>
          <a:off x="2324100" y="209550"/>
          <a:ext cx="3741343" cy="276679"/>
          <a:chOff x="2646069" y="223993"/>
          <a:chExt cx="2780914" cy="276679"/>
        </a:xfrm>
      </xdr:grpSpPr>
      <xdr:sp macro="" textlink="">
        <xdr:nvSpPr>
          <xdr:cNvPr id="3" name="正方形/長方形 2"/>
          <xdr:cNvSpPr/>
        </xdr:nvSpPr>
        <xdr:spPr>
          <a:xfrm>
            <a:off x="2930526" y="238124"/>
            <a:ext cx="2496457" cy="257175"/>
          </a:xfrm>
          <a:prstGeom prst="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1100" b="1">
                <a:solidFill>
                  <a:srgbClr val="FF0000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この路線は</a:t>
            </a:r>
            <a:r>
              <a:rPr kumimoji="1" lang="en-US" altLang="ja-JP" sz="1100" b="1">
                <a:solidFill>
                  <a:srgbClr val="FF0000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12</a:t>
            </a:r>
            <a:r>
              <a:rPr kumimoji="1" lang="ja-JP" altLang="en-US" sz="1100" b="1">
                <a:solidFill>
                  <a:srgbClr val="FF0000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月～</a:t>
            </a:r>
            <a:r>
              <a:rPr kumimoji="1" lang="en-US" altLang="ja-JP" sz="1100" b="1">
                <a:solidFill>
                  <a:srgbClr val="FF0000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2</a:t>
            </a:r>
            <a:r>
              <a:rPr kumimoji="1" lang="ja-JP" altLang="en-US" sz="1100" b="1">
                <a:solidFill>
                  <a:srgbClr val="FF0000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月の平日のみ運行</a:t>
            </a:r>
          </a:p>
        </xdr:txBody>
      </xdr:sp>
      <xdr:grpSp>
        <xdr:nvGrpSpPr>
          <xdr:cNvPr id="4" name="グループ化 3"/>
          <xdr:cNvGrpSpPr/>
        </xdr:nvGrpSpPr>
        <xdr:grpSpPr>
          <a:xfrm>
            <a:off x="2646069" y="223993"/>
            <a:ext cx="543326" cy="276679"/>
            <a:chOff x="2646069" y="223993"/>
            <a:chExt cx="543326" cy="276679"/>
          </a:xfrm>
        </xdr:grpSpPr>
        <xdr:sp macro="" textlink="">
          <xdr:nvSpPr>
            <xdr:cNvPr id="5" name="角丸四角形 4"/>
            <xdr:cNvSpPr/>
          </xdr:nvSpPr>
          <xdr:spPr>
            <a:xfrm>
              <a:off x="2646069" y="301101"/>
              <a:ext cx="335642" cy="172356"/>
            </a:xfrm>
            <a:prstGeom prst="roundRect">
              <a:avLst/>
            </a:prstGeom>
            <a:solidFill>
              <a:srgbClr val="FF0000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kumimoji="1" lang="ja-JP" altLang="en-US" sz="1000">
                <a:solidFill>
                  <a:schemeClr val="bg1"/>
                </a:solidFill>
              </a:endParaRPr>
            </a:p>
          </xdr:txBody>
        </xdr:sp>
        <xdr:sp macro="" textlink="">
          <xdr:nvSpPr>
            <xdr:cNvPr id="6" name="角丸四角形 5"/>
            <xdr:cNvSpPr/>
          </xdr:nvSpPr>
          <xdr:spPr>
            <a:xfrm>
              <a:off x="2648202" y="223993"/>
              <a:ext cx="541193" cy="276679"/>
            </a:xfrm>
            <a:prstGeom prst="roundRect">
              <a:avLst/>
            </a:prstGeom>
            <a:noFill/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r>
                <a:rPr kumimoji="1" lang="ja-JP" altLang="en-US" sz="1000" b="1">
                  <a:solidFill>
                    <a:schemeClr val="bg1"/>
                  </a:solidFill>
                </a:rPr>
                <a:t>注意</a:t>
              </a:r>
            </a:p>
          </xdr:txBody>
        </xdr:sp>
      </xdr:grpSp>
    </xdr:grpSp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0</xdr:colOff>
      <xdr:row>0</xdr:row>
      <xdr:rowOff>0</xdr:rowOff>
    </xdr:from>
    <xdr:to>
      <xdr:col>2</xdr:col>
      <xdr:colOff>0</xdr:colOff>
      <xdr:row>0</xdr:row>
      <xdr:rowOff>0</xdr:rowOff>
    </xdr:to>
    <xdr:sp macro="" textlink="">
      <xdr:nvSpPr>
        <xdr:cNvPr id="2" name="Rectangle 1"/>
        <xdr:cNvSpPr>
          <a:spLocks noChangeArrowheads="1"/>
        </xdr:cNvSpPr>
      </xdr:nvSpPr>
      <xdr:spPr bwMode="auto">
        <a:xfrm>
          <a:off x="220980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↓</a:t>
          </a:r>
        </a:p>
      </xdr:txBody>
    </xdr:sp>
    <xdr:clientData/>
  </xdr:twoCellAnchor>
  <xdr:twoCellAnchor>
    <xdr:from>
      <xdr:col>2</xdr:col>
      <xdr:colOff>0</xdr:colOff>
      <xdr:row>0</xdr:row>
      <xdr:rowOff>0</xdr:rowOff>
    </xdr:from>
    <xdr:to>
      <xdr:col>2</xdr:col>
      <xdr:colOff>0</xdr:colOff>
      <xdr:row>0</xdr:row>
      <xdr:rowOff>0</xdr:rowOff>
    </xdr:to>
    <xdr:sp macro="" textlink="">
      <xdr:nvSpPr>
        <xdr:cNvPr id="4" name="Rectangle 3"/>
        <xdr:cNvSpPr>
          <a:spLocks noChangeArrowheads="1"/>
        </xdr:cNvSpPr>
      </xdr:nvSpPr>
      <xdr:spPr bwMode="auto">
        <a:xfrm>
          <a:off x="220980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↓</a:t>
          </a:r>
        </a:p>
      </xdr:txBody>
    </xdr:sp>
    <xdr:clientData/>
  </xdr:twoCellAnchor>
  <xdr:twoCellAnchor>
    <xdr:from>
      <xdr:col>2</xdr:col>
      <xdr:colOff>371475</xdr:colOff>
      <xdr:row>0</xdr:row>
      <xdr:rowOff>0</xdr:rowOff>
    </xdr:from>
    <xdr:to>
      <xdr:col>2</xdr:col>
      <xdr:colOff>371475</xdr:colOff>
      <xdr:row>0</xdr:row>
      <xdr:rowOff>0</xdr:rowOff>
    </xdr:to>
    <xdr:sp macro="" textlink="">
      <xdr:nvSpPr>
        <xdr:cNvPr id="11" name="Line 10"/>
        <xdr:cNvSpPr>
          <a:spLocks noChangeShapeType="1"/>
        </xdr:cNvSpPr>
      </xdr:nvSpPr>
      <xdr:spPr bwMode="auto">
        <a:xfrm>
          <a:off x="2581275" y="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32</xdr:row>
      <xdr:rowOff>38100</xdr:rowOff>
    </xdr:from>
    <xdr:to>
      <xdr:col>5</xdr:col>
      <xdr:colOff>483793</xdr:colOff>
      <xdr:row>33</xdr:row>
      <xdr:rowOff>143329</xdr:rowOff>
    </xdr:to>
    <xdr:grpSp>
      <xdr:nvGrpSpPr>
        <xdr:cNvPr id="13" name="グループ化 12"/>
        <xdr:cNvGrpSpPr/>
      </xdr:nvGrpSpPr>
      <xdr:grpSpPr>
        <a:xfrm>
          <a:off x="0" y="5484159"/>
          <a:ext cx="3755911" cy="273317"/>
          <a:chOff x="2646069" y="223993"/>
          <a:chExt cx="2780914" cy="276679"/>
        </a:xfrm>
      </xdr:grpSpPr>
      <xdr:sp macro="" textlink="">
        <xdr:nvSpPr>
          <xdr:cNvPr id="14" name="正方形/長方形 13"/>
          <xdr:cNvSpPr/>
        </xdr:nvSpPr>
        <xdr:spPr>
          <a:xfrm>
            <a:off x="2930526" y="238124"/>
            <a:ext cx="2496457" cy="257175"/>
          </a:xfrm>
          <a:prstGeom prst="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1100" b="1">
                <a:solidFill>
                  <a:srgbClr val="FF0000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この路線は</a:t>
            </a:r>
            <a:r>
              <a:rPr kumimoji="1" lang="en-US" altLang="ja-JP" sz="1100" b="1">
                <a:solidFill>
                  <a:srgbClr val="FF0000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12</a:t>
            </a:r>
            <a:r>
              <a:rPr kumimoji="1" lang="ja-JP" altLang="en-US" sz="1100" b="1">
                <a:solidFill>
                  <a:srgbClr val="FF0000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月～</a:t>
            </a:r>
            <a:r>
              <a:rPr kumimoji="1" lang="en-US" altLang="ja-JP" sz="1100" b="1">
                <a:solidFill>
                  <a:srgbClr val="FF0000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2</a:t>
            </a:r>
            <a:r>
              <a:rPr kumimoji="1" lang="ja-JP" altLang="en-US" sz="1100" b="1">
                <a:solidFill>
                  <a:srgbClr val="FF0000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月の平日のみ運行</a:t>
            </a:r>
          </a:p>
        </xdr:txBody>
      </xdr:sp>
      <xdr:grpSp>
        <xdr:nvGrpSpPr>
          <xdr:cNvPr id="15" name="グループ化 14"/>
          <xdr:cNvGrpSpPr/>
        </xdr:nvGrpSpPr>
        <xdr:grpSpPr>
          <a:xfrm>
            <a:off x="2646069" y="223993"/>
            <a:ext cx="543326" cy="276679"/>
            <a:chOff x="2646069" y="223993"/>
            <a:chExt cx="543326" cy="276679"/>
          </a:xfrm>
        </xdr:grpSpPr>
        <xdr:sp macro="" textlink="">
          <xdr:nvSpPr>
            <xdr:cNvPr id="16" name="角丸四角形 15"/>
            <xdr:cNvSpPr/>
          </xdr:nvSpPr>
          <xdr:spPr>
            <a:xfrm>
              <a:off x="2646069" y="301101"/>
              <a:ext cx="335642" cy="172356"/>
            </a:xfrm>
            <a:prstGeom prst="roundRect">
              <a:avLst/>
            </a:prstGeom>
            <a:solidFill>
              <a:srgbClr val="FF0000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kumimoji="1" lang="ja-JP" altLang="en-US" sz="1000">
                <a:solidFill>
                  <a:schemeClr val="bg1"/>
                </a:solidFill>
              </a:endParaRPr>
            </a:p>
          </xdr:txBody>
        </xdr:sp>
        <xdr:sp macro="" textlink="">
          <xdr:nvSpPr>
            <xdr:cNvPr id="17" name="角丸四角形 16"/>
            <xdr:cNvSpPr/>
          </xdr:nvSpPr>
          <xdr:spPr>
            <a:xfrm>
              <a:off x="2648202" y="223993"/>
              <a:ext cx="541193" cy="276679"/>
            </a:xfrm>
            <a:prstGeom prst="roundRect">
              <a:avLst/>
            </a:prstGeom>
            <a:noFill/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r>
                <a:rPr kumimoji="1" lang="ja-JP" altLang="en-US" sz="1000" b="1">
                  <a:solidFill>
                    <a:schemeClr val="bg1"/>
                  </a:solidFill>
                </a:rPr>
                <a:t>注意</a:t>
              </a:r>
            </a:p>
          </xdr:txBody>
        </xdr:sp>
      </xdr:grpSp>
    </xdr:grpSp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276225</xdr:colOff>
      <xdr:row>0</xdr:row>
      <xdr:rowOff>0</xdr:rowOff>
    </xdr:from>
    <xdr:to>
      <xdr:col>11</xdr:col>
      <xdr:colOff>276225</xdr:colOff>
      <xdr:row>0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7753350" y="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276225</xdr:colOff>
      <xdr:row>0</xdr:row>
      <xdr:rowOff>0</xdr:rowOff>
    </xdr:from>
    <xdr:to>
      <xdr:col>11</xdr:col>
      <xdr:colOff>276225</xdr:colOff>
      <xdr:row>0</xdr:row>
      <xdr:rowOff>0</xdr:rowOff>
    </xdr:to>
    <xdr:sp macro="" textlink="">
      <xdr:nvSpPr>
        <xdr:cNvPr id="3" name="Line 9"/>
        <xdr:cNvSpPr>
          <a:spLocks noChangeShapeType="1"/>
        </xdr:cNvSpPr>
      </xdr:nvSpPr>
      <xdr:spPr bwMode="auto">
        <a:xfrm>
          <a:off x="7753350" y="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9</xdr:col>
      <xdr:colOff>742950</xdr:colOff>
      <xdr:row>0</xdr:row>
      <xdr:rowOff>0</xdr:rowOff>
    </xdr:from>
    <xdr:to>
      <xdr:col>14</xdr:col>
      <xdr:colOff>0</xdr:colOff>
      <xdr:row>0</xdr:row>
      <xdr:rowOff>0</xdr:rowOff>
    </xdr:to>
    <xdr:sp macro="" textlink="">
      <xdr:nvSpPr>
        <xdr:cNvPr id="4" name="Rectangle 10"/>
        <xdr:cNvSpPr>
          <a:spLocks noChangeArrowheads="1"/>
        </xdr:cNvSpPr>
      </xdr:nvSpPr>
      <xdr:spPr bwMode="auto">
        <a:xfrm>
          <a:off x="6924675" y="0"/>
          <a:ext cx="234315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CC00" mc:Ignorable="a14" a14:legacySpreadsheetColorIndex="51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表示の便は、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12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月～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月の平日のみ運行します。</a:t>
          </a:r>
        </a:p>
      </xdr:txBody>
    </xdr:sp>
    <xdr:clientData/>
  </xdr:twoCellAnchor>
  <xdr:twoCellAnchor>
    <xdr:from>
      <xdr:col>2</xdr:col>
      <xdr:colOff>0</xdr:colOff>
      <xdr:row>0</xdr:row>
      <xdr:rowOff>0</xdr:rowOff>
    </xdr:from>
    <xdr:to>
      <xdr:col>2</xdr:col>
      <xdr:colOff>0</xdr:colOff>
      <xdr:row>0</xdr:row>
      <xdr:rowOff>0</xdr:rowOff>
    </xdr:to>
    <xdr:sp macro="" textlink="">
      <xdr:nvSpPr>
        <xdr:cNvPr id="5" name="Rectangle 20"/>
        <xdr:cNvSpPr>
          <a:spLocks noChangeArrowheads="1"/>
        </xdr:cNvSpPr>
      </xdr:nvSpPr>
      <xdr:spPr bwMode="auto">
        <a:xfrm>
          <a:off x="220980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↓</a:t>
          </a:r>
        </a:p>
      </xdr:txBody>
    </xdr:sp>
    <xdr:clientData/>
  </xdr:twoCellAnchor>
  <xdr:twoCellAnchor>
    <xdr:from>
      <xdr:col>2</xdr:col>
      <xdr:colOff>0</xdr:colOff>
      <xdr:row>0</xdr:row>
      <xdr:rowOff>0</xdr:rowOff>
    </xdr:from>
    <xdr:to>
      <xdr:col>2</xdr:col>
      <xdr:colOff>0</xdr:colOff>
      <xdr:row>0</xdr:row>
      <xdr:rowOff>0</xdr:rowOff>
    </xdr:to>
    <xdr:sp macro="" textlink="">
      <xdr:nvSpPr>
        <xdr:cNvPr id="6" name="Rectangle 21"/>
        <xdr:cNvSpPr>
          <a:spLocks noChangeArrowheads="1"/>
        </xdr:cNvSpPr>
      </xdr:nvSpPr>
      <xdr:spPr bwMode="auto">
        <a:xfrm>
          <a:off x="220980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↓</a:t>
          </a:r>
        </a:p>
      </xdr:txBody>
    </xdr:sp>
    <xdr:clientData/>
  </xdr:twoCellAnchor>
  <xdr:twoCellAnchor>
    <xdr:from>
      <xdr:col>2</xdr:col>
      <xdr:colOff>0</xdr:colOff>
      <xdr:row>0</xdr:row>
      <xdr:rowOff>0</xdr:rowOff>
    </xdr:from>
    <xdr:to>
      <xdr:col>2</xdr:col>
      <xdr:colOff>0</xdr:colOff>
      <xdr:row>0</xdr:row>
      <xdr:rowOff>0</xdr:rowOff>
    </xdr:to>
    <xdr:sp macro="" textlink="">
      <xdr:nvSpPr>
        <xdr:cNvPr id="7" name="Rectangle 22"/>
        <xdr:cNvSpPr>
          <a:spLocks noChangeArrowheads="1"/>
        </xdr:cNvSpPr>
      </xdr:nvSpPr>
      <xdr:spPr bwMode="auto">
        <a:xfrm>
          <a:off x="220980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↓</a:t>
          </a:r>
        </a:p>
      </xdr:txBody>
    </xdr:sp>
    <xdr:clientData/>
  </xdr:twoCellAnchor>
  <xdr:twoCellAnchor>
    <xdr:from>
      <xdr:col>2</xdr:col>
      <xdr:colOff>0</xdr:colOff>
      <xdr:row>0</xdr:row>
      <xdr:rowOff>0</xdr:rowOff>
    </xdr:from>
    <xdr:to>
      <xdr:col>2</xdr:col>
      <xdr:colOff>0</xdr:colOff>
      <xdr:row>0</xdr:row>
      <xdr:rowOff>0</xdr:rowOff>
    </xdr:to>
    <xdr:sp macro="" textlink="">
      <xdr:nvSpPr>
        <xdr:cNvPr id="8" name="Line 29"/>
        <xdr:cNvSpPr>
          <a:spLocks noChangeShapeType="1"/>
        </xdr:cNvSpPr>
      </xdr:nvSpPr>
      <xdr:spPr bwMode="auto">
        <a:xfrm>
          <a:off x="2209800" y="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276225</xdr:colOff>
      <xdr:row>0</xdr:row>
      <xdr:rowOff>0</xdr:rowOff>
    </xdr:from>
    <xdr:to>
      <xdr:col>8</xdr:col>
      <xdr:colOff>276225</xdr:colOff>
      <xdr:row>0</xdr:row>
      <xdr:rowOff>0</xdr:rowOff>
    </xdr:to>
    <xdr:sp macro="" textlink="">
      <xdr:nvSpPr>
        <xdr:cNvPr id="9" name="Line 32"/>
        <xdr:cNvSpPr>
          <a:spLocks noChangeShapeType="1"/>
        </xdr:cNvSpPr>
      </xdr:nvSpPr>
      <xdr:spPr bwMode="auto">
        <a:xfrm>
          <a:off x="6096000" y="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276225</xdr:colOff>
      <xdr:row>0</xdr:row>
      <xdr:rowOff>0</xdr:rowOff>
    </xdr:from>
    <xdr:to>
      <xdr:col>8</xdr:col>
      <xdr:colOff>276225</xdr:colOff>
      <xdr:row>0</xdr:row>
      <xdr:rowOff>0</xdr:rowOff>
    </xdr:to>
    <xdr:sp macro="" textlink="">
      <xdr:nvSpPr>
        <xdr:cNvPr id="10" name="Line 37"/>
        <xdr:cNvSpPr>
          <a:spLocks noChangeShapeType="1"/>
        </xdr:cNvSpPr>
      </xdr:nvSpPr>
      <xdr:spPr bwMode="auto">
        <a:xfrm>
          <a:off x="6096000" y="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0</xdr:colOff>
      <xdr:row>0</xdr:row>
      <xdr:rowOff>0</xdr:rowOff>
    </xdr:from>
    <xdr:to>
      <xdr:col>8</xdr:col>
      <xdr:colOff>0</xdr:colOff>
      <xdr:row>0</xdr:row>
      <xdr:rowOff>0</xdr:rowOff>
    </xdr:to>
    <xdr:sp macro="" textlink="">
      <xdr:nvSpPr>
        <xdr:cNvPr id="11" name="Rectangle 42"/>
        <xdr:cNvSpPr>
          <a:spLocks noChangeArrowheads="1"/>
        </xdr:cNvSpPr>
      </xdr:nvSpPr>
      <xdr:spPr bwMode="auto">
        <a:xfrm>
          <a:off x="5819775" y="0"/>
          <a:ext cx="0" cy="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969696" mc:Ignorable="a14" a14:legacySpreadsheetColorIndex="5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FFFFFF"/>
              </a:solidFill>
              <a:latin typeface="ＭＳ Ｐゴシック"/>
              <a:ea typeface="ＭＳ Ｐゴシック"/>
            </a:rPr>
            <a:t>白抜き</a:t>
          </a:r>
        </a:p>
      </xdr:txBody>
    </xdr:sp>
    <xdr:clientData/>
  </xdr:twoCellAnchor>
  <xdr:twoCellAnchor>
    <xdr:from>
      <xdr:col>0</xdr:col>
      <xdr:colOff>0</xdr:colOff>
      <xdr:row>47</xdr:row>
      <xdr:rowOff>47625</xdr:rowOff>
    </xdr:from>
    <xdr:to>
      <xdr:col>4</xdr:col>
      <xdr:colOff>504825</xdr:colOff>
      <xdr:row>48</xdr:row>
      <xdr:rowOff>85725</xdr:rowOff>
    </xdr:to>
    <xdr:grpSp>
      <xdr:nvGrpSpPr>
        <xdr:cNvPr id="12" name="Group 44"/>
        <xdr:cNvGrpSpPr>
          <a:grpSpLocks/>
        </xdr:cNvGrpSpPr>
      </xdr:nvGrpSpPr>
      <xdr:grpSpPr bwMode="auto">
        <a:xfrm>
          <a:off x="0" y="9953625"/>
          <a:ext cx="3752850" cy="209550"/>
          <a:chOff x="29" y="1539"/>
          <a:chExt cx="381" cy="22"/>
        </a:xfrm>
      </xdr:grpSpPr>
      <xdr:sp macro="" textlink="">
        <xdr:nvSpPr>
          <xdr:cNvPr id="13" name="Rectangle 45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val="FFFF99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14" name="Rectangle 46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土・日・祝日は運行しません。</a:t>
            </a:r>
          </a:p>
        </xdr:txBody>
      </xdr:sp>
    </xdr:grpSp>
    <xdr:clientData/>
  </xdr:twoCellAnchor>
  <xdr:twoCellAnchor>
    <xdr:from>
      <xdr:col>0</xdr:col>
      <xdr:colOff>0</xdr:colOff>
      <xdr:row>51</xdr:row>
      <xdr:rowOff>28575</xdr:rowOff>
    </xdr:from>
    <xdr:to>
      <xdr:col>5</xdr:col>
      <xdr:colOff>238125</xdr:colOff>
      <xdr:row>52</xdr:row>
      <xdr:rowOff>66675</xdr:rowOff>
    </xdr:to>
    <xdr:grpSp>
      <xdr:nvGrpSpPr>
        <xdr:cNvPr id="15" name="Group 48"/>
        <xdr:cNvGrpSpPr>
          <a:grpSpLocks/>
        </xdr:cNvGrpSpPr>
      </xdr:nvGrpSpPr>
      <xdr:grpSpPr bwMode="auto">
        <a:xfrm>
          <a:off x="0" y="10620375"/>
          <a:ext cx="4038600" cy="209550"/>
          <a:chOff x="24" y="1054"/>
          <a:chExt cx="411" cy="22"/>
        </a:xfrm>
      </xdr:grpSpPr>
      <xdr:sp macro="" textlink="">
        <xdr:nvSpPr>
          <xdr:cNvPr id="16" name="Rectangle 43"/>
          <xdr:cNvSpPr>
            <a:spLocks noChangeArrowheads="1"/>
          </xdr:cNvSpPr>
        </xdr:nvSpPr>
        <xdr:spPr bwMode="auto">
          <a:xfrm>
            <a:off x="101" y="1054"/>
            <a:ext cx="33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</a:t>
            </a:r>
            <a:r>
              <a:rPr lang="en-US" altLang="ja-JP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12</a:t>
            </a: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月～</a:t>
            </a:r>
            <a:r>
              <a:rPr lang="en-US" altLang="ja-JP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2</a:t>
            </a: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月の平日のみ運行します。</a:t>
            </a:r>
          </a:p>
        </xdr:txBody>
      </xdr:sp>
      <xdr:sp macro="" textlink="">
        <xdr:nvSpPr>
          <xdr:cNvPr id="17" name="Rectangle 47"/>
          <xdr:cNvSpPr>
            <a:spLocks noChangeArrowheads="1"/>
          </xdr:cNvSpPr>
        </xdr:nvSpPr>
        <xdr:spPr bwMode="auto">
          <a:xfrm>
            <a:off x="24" y="1054"/>
            <a:ext cx="67" cy="22"/>
          </a:xfrm>
          <a:prstGeom prst="rect">
            <a:avLst/>
          </a:prstGeom>
          <a:solidFill>
            <a:srgbClr val="B7DEE8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</xdr:grpSp>
    <xdr:clientData/>
  </xdr:twoCellAnchor>
  <xdr:twoCellAnchor>
    <xdr:from>
      <xdr:col>0</xdr:col>
      <xdr:colOff>0</xdr:colOff>
      <xdr:row>49</xdr:row>
      <xdr:rowOff>28575</xdr:rowOff>
    </xdr:from>
    <xdr:to>
      <xdr:col>4</xdr:col>
      <xdr:colOff>504825</xdr:colOff>
      <xdr:row>50</xdr:row>
      <xdr:rowOff>66675</xdr:rowOff>
    </xdr:to>
    <xdr:grpSp>
      <xdr:nvGrpSpPr>
        <xdr:cNvPr id="18" name="Group 49"/>
        <xdr:cNvGrpSpPr>
          <a:grpSpLocks/>
        </xdr:cNvGrpSpPr>
      </xdr:nvGrpSpPr>
      <xdr:grpSpPr bwMode="auto">
        <a:xfrm>
          <a:off x="0" y="10277475"/>
          <a:ext cx="3752850" cy="209550"/>
          <a:chOff x="29" y="1539"/>
          <a:chExt cx="381" cy="22"/>
        </a:xfrm>
      </xdr:grpSpPr>
      <xdr:sp macro="" textlink="">
        <xdr:nvSpPr>
          <xdr:cNvPr id="19" name="Rectangle 50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xmlns:mc="http://schemas.openxmlformats.org/markup-compatibility/2006" xmlns:a14="http://schemas.microsoft.com/office/drawing/2010/main" val="CCFFCC" mc:Ignorable="a14" a14:legacySpreadsheetColorIndex="42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20" name="Rectangle 51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土・日・祝日のみ運行します。</a:t>
            </a:r>
          </a:p>
        </xdr:txBody>
      </xdr:sp>
    </xdr:grpSp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56</xdr:row>
      <xdr:rowOff>133350</xdr:rowOff>
    </xdr:from>
    <xdr:to>
      <xdr:col>5</xdr:col>
      <xdr:colOff>514350</xdr:colOff>
      <xdr:row>57</xdr:row>
      <xdr:rowOff>152400</xdr:rowOff>
    </xdr:to>
    <xdr:grpSp>
      <xdr:nvGrpSpPr>
        <xdr:cNvPr id="2" name="Group 1"/>
        <xdr:cNvGrpSpPr>
          <a:grpSpLocks/>
        </xdr:cNvGrpSpPr>
      </xdr:nvGrpSpPr>
      <xdr:grpSpPr bwMode="auto">
        <a:xfrm>
          <a:off x="0" y="10923814"/>
          <a:ext cx="4161064" cy="209550"/>
          <a:chOff x="29" y="1539"/>
          <a:chExt cx="381" cy="22"/>
        </a:xfrm>
      </xdr:grpSpPr>
      <xdr:sp macro="" textlink="">
        <xdr:nvSpPr>
          <xdr:cNvPr id="3" name="Rectangle 2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xmlns:mc="http://schemas.openxmlformats.org/markup-compatibility/2006" xmlns:a14="http://schemas.microsoft.com/office/drawing/2010/main" val="FFFF99" mc:Ignorable="a14" a14:legacySpreadsheetColorIndex="43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4" name="Rectangle 3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土・日・祝日は運行しません。</a:t>
            </a:r>
          </a:p>
        </xdr:txBody>
      </xdr:sp>
    </xdr:grpSp>
    <xdr:clientData/>
  </xdr:twoCellAnchor>
  <xdr:twoCellAnchor>
    <xdr:from>
      <xdr:col>10</xdr:col>
      <xdr:colOff>1038225</xdr:colOff>
      <xdr:row>56</xdr:row>
      <xdr:rowOff>133350</xdr:rowOff>
    </xdr:from>
    <xdr:to>
      <xdr:col>17</xdr:col>
      <xdr:colOff>276225</xdr:colOff>
      <xdr:row>57</xdr:row>
      <xdr:rowOff>152400</xdr:rowOff>
    </xdr:to>
    <xdr:grpSp>
      <xdr:nvGrpSpPr>
        <xdr:cNvPr id="5" name="Group 4"/>
        <xdr:cNvGrpSpPr>
          <a:grpSpLocks/>
        </xdr:cNvGrpSpPr>
      </xdr:nvGrpSpPr>
      <xdr:grpSpPr bwMode="auto">
        <a:xfrm>
          <a:off x="7025368" y="10923814"/>
          <a:ext cx="4327071" cy="209550"/>
          <a:chOff x="29" y="1539"/>
          <a:chExt cx="381" cy="22"/>
        </a:xfrm>
      </xdr:grpSpPr>
      <xdr:sp macro="" textlink="">
        <xdr:nvSpPr>
          <xdr:cNvPr id="6" name="Rectangle 5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val="CCECFF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7" name="Rectangle 6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１２月～２月の平日のみ運行します。</a:t>
            </a:r>
          </a:p>
        </xdr:txBody>
      </xdr:sp>
    </xdr:grpSp>
    <xdr:clientData/>
  </xdr:twoCellAnchor>
  <xdr:twoCellAnchor>
    <xdr:from>
      <xdr:col>5</xdr:col>
      <xdr:colOff>9525</xdr:colOff>
      <xdr:row>56</xdr:row>
      <xdr:rowOff>133350</xdr:rowOff>
    </xdr:from>
    <xdr:to>
      <xdr:col>11</xdr:col>
      <xdr:colOff>257175</xdr:colOff>
      <xdr:row>57</xdr:row>
      <xdr:rowOff>152400</xdr:rowOff>
    </xdr:to>
    <xdr:grpSp>
      <xdr:nvGrpSpPr>
        <xdr:cNvPr id="8" name="Group 1"/>
        <xdr:cNvGrpSpPr>
          <a:grpSpLocks/>
        </xdr:cNvGrpSpPr>
      </xdr:nvGrpSpPr>
      <xdr:grpSpPr bwMode="auto">
        <a:xfrm>
          <a:off x="3656239" y="10923814"/>
          <a:ext cx="4166507" cy="209550"/>
          <a:chOff x="29" y="1539"/>
          <a:chExt cx="381" cy="22"/>
        </a:xfrm>
      </xdr:grpSpPr>
      <xdr:sp macro="" textlink="">
        <xdr:nvSpPr>
          <xdr:cNvPr id="9" name="Rectangle 2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val="FAC090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10" name="Rectangle 3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日・祝日は運行しません。</a:t>
            </a:r>
          </a:p>
        </xdr:txBody>
      </xdr:sp>
    </xdr:grpSp>
    <xdr:clientData/>
  </xdr:twoCellAnchor>
  <xdr:twoCellAnchor>
    <xdr:from>
      <xdr:col>3</xdr:col>
      <xdr:colOff>244929</xdr:colOff>
      <xdr:row>0</xdr:row>
      <xdr:rowOff>27214</xdr:rowOff>
    </xdr:from>
    <xdr:to>
      <xdr:col>6</xdr:col>
      <xdr:colOff>530680</xdr:colOff>
      <xdr:row>1</xdr:row>
      <xdr:rowOff>81643</xdr:rowOff>
    </xdr:to>
    <xdr:sp macro="" textlink="">
      <xdr:nvSpPr>
        <xdr:cNvPr id="11" name="AutoShape 3"/>
        <xdr:cNvSpPr>
          <a:spLocks noChangeArrowheads="1"/>
        </xdr:cNvSpPr>
      </xdr:nvSpPr>
      <xdr:spPr bwMode="auto">
        <a:xfrm>
          <a:off x="2721429" y="27214"/>
          <a:ext cx="2041072" cy="367393"/>
        </a:xfrm>
        <a:prstGeom prst="wedgeEllipseCallout">
          <a:avLst>
            <a:gd name="adj1" fmla="val -65199"/>
            <a:gd name="adj2" fmla="val 84149"/>
          </a:avLst>
        </a:prstGeom>
        <a:gradFill rotWithShape="0">
          <a:gsLst>
            <a:gs pos="0">
              <a:srgbClr val="FF99FF">
                <a:alpha val="50000"/>
              </a:srgbClr>
            </a:gs>
            <a:gs pos="100000">
              <a:srgbClr val="FF99FF">
                <a:gamma/>
                <a:tint val="20000"/>
                <a:invGamma/>
              </a:srgbClr>
            </a:gs>
          </a:gsLst>
          <a:lin ang="5400000" scaled="1"/>
        </a:gradFill>
        <a:ln w="9525">
          <a:solidFill>
            <a:srgbClr val="FF0066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050" b="1" i="0" u="none" strike="noStrike" baseline="0">
              <a:solidFill>
                <a:srgbClr val="FF0000"/>
              </a:solidFill>
              <a:latin typeface="HG丸ｺﾞｼｯｸM-PRO"/>
              <a:ea typeface="HG丸ｺﾞｼｯｸM-PRO"/>
            </a:rPr>
            <a:t>快速便（第1便）</a:t>
          </a:r>
        </a:p>
      </xdr:txBody>
    </xdr:sp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0</xdr:colOff>
      <xdr:row>0</xdr:row>
      <xdr:rowOff>0</xdr:rowOff>
    </xdr:from>
    <xdr:to>
      <xdr:col>2</xdr:col>
      <xdr:colOff>0</xdr:colOff>
      <xdr:row>0</xdr:row>
      <xdr:rowOff>0</xdr:rowOff>
    </xdr:to>
    <xdr:sp macro="" textlink="">
      <xdr:nvSpPr>
        <xdr:cNvPr id="2" name="Rectangle 1"/>
        <xdr:cNvSpPr>
          <a:spLocks noChangeArrowheads="1"/>
        </xdr:cNvSpPr>
      </xdr:nvSpPr>
      <xdr:spPr bwMode="auto">
        <a:xfrm>
          <a:off x="222885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↓</a:t>
          </a:r>
        </a:p>
      </xdr:txBody>
    </xdr:sp>
    <xdr:clientData/>
  </xdr:twoCellAnchor>
  <xdr:twoCellAnchor>
    <xdr:from>
      <xdr:col>2</xdr:col>
      <xdr:colOff>295275</xdr:colOff>
      <xdr:row>0</xdr:row>
      <xdr:rowOff>0</xdr:rowOff>
    </xdr:from>
    <xdr:to>
      <xdr:col>2</xdr:col>
      <xdr:colOff>476250</xdr:colOff>
      <xdr:row>0</xdr:row>
      <xdr:rowOff>0</xdr:rowOff>
    </xdr:to>
    <xdr:sp macro="" textlink="">
      <xdr:nvSpPr>
        <xdr:cNvPr id="3" name="Rectangle 2"/>
        <xdr:cNvSpPr>
          <a:spLocks noChangeArrowheads="1"/>
        </xdr:cNvSpPr>
      </xdr:nvSpPr>
      <xdr:spPr bwMode="auto">
        <a:xfrm>
          <a:off x="2524125" y="0"/>
          <a:ext cx="180975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↓</a:t>
          </a:r>
        </a:p>
      </xdr:txBody>
    </xdr:sp>
    <xdr:clientData/>
  </xdr:twoCellAnchor>
  <xdr:twoCellAnchor>
    <xdr:from>
      <xdr:col>2</xdr:col>
      <xdr:colOff>0</xdr:colOff>
      <xdr:row>0</xdr:row>
      <xdr:rowOff>0</xdr:rowOff>
    </xdr:from>
    <xdr:to>
      <xdr:col>2</xdr:col>
      <xdr:colOff>0</xdr:colOff>
      <xdr:row>0</xdr:row>
      <xdr:rowOff>0</xdr:rowOff>
    </xdr:to>
    <xdr:sp macro="" textlink="">
      <xdr:nvSpPr>
        <xdr:cNvPr id="4" name="Rectangle 3"/>
        <xdr:cNvSpPr>
          <a:spLocks noChangeArrowheads="1"/>
        </xdr:cNvSpPr>
      </xdr:nvSpPr>
      <xdr:spPr bwMode="auto">
        <a:xfrm>
          <a:off x="2228850" y="0"/>
          <a:ext cx="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↓</a:t>
          </a:r>
        </a:p>
      </xdr:txBody>
    </xdr:sp>
    <xdr:clientData/>
  </xdr:twoCellAnchor>
  <xdr:twoCellAnchor>
    <xdr:from>
      <xdr:col>0</xdr:col>
      <xdr:colOff>19050</xdr:colOff>
      <xdr:row>36</xdr:row>
      <xdr:rowOff>171450</xdr:rowOff>
    </xdr:from>
    <xdr:to>
      <xdr:col>5</xdr:col>
      <xdr:colOff>400050</xdr:colOff>
      <xdr:row>38</xdr:row>
      <xdr:rowOff>0</xdr:rowOff>
    </xdr:to>
    <xdr:grpSp>
      <xdr:nvGrpSpPr>
        <xdr:cNvPr id="5" name="Group 4"/>
        <xdr:cNvGrpSpPr>
          <a:grpSpLocks/>
        </xdr:cNvGrpSpPr>
      </xdr:nvGrpSpPr>
      <xdr:grpSpPr bwMode="auto">
        <a:xfrm>
          <a:off x="19050" y="7019925"/>
          <a:ext cx="4352925" cy="209550"/>
          <a:chOff x="29" y="1539"/>
          <a:chExt cx="381" cy="22"/>
        </a:xfrm>
      </xdr:grpSpPr>
      <xdr:sp macro="" textlink="">
        <xdr:nvSpPr>
          <xdr:cNvPr id="6" name="Rectangle 5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xmlns:mc="http://schemas.openxmlformats.org/markup-compatibility/2006" xmlns:a14="http://schemas.microsoft.com/office/drawing/2010/main" val="FFFF99" mc:Ignorable="a14" a14:legacySpreadsheetColorIndex="43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7" name="Rectangle 6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土・日・祝日は運行しません。</a:t>
            </a:r>
          </a:p>
        </xdr:txBody>
      </xdr:sp>
    </xdr:grpSp>
    <xdr:clientData/>
  </xdr:twoCellAnchor>
  <xdr:twoCellAnchor>
    <xdr:from>
      <xdr:col>8</xdr:col>
      <xdr:colOff>0</xdr:colOff>
      <xdr:row>36</xdr:row>
      <xdr:rowOff>161925</xdr:rowOff>
    </xdr:from>
    <xdr:to>
      <xdr:col>13</xdr:col>
      <xdr:colOff>571500</xdr:colOff>
      <xdr:row>37</xdr:row>
      <xdr:rowOff>180975</xdr:rowOff>
    </xdr:to>
    <xdr:grpSp>
      <xdr:nvGrpSpPr>
        <xdr:cNvPr id="8" name="Group 7"/>
        <xdr:cNvGrpSpPr>
          <a:grpSpLocks/>
        </xdr:cNvGrpSpPr>
      </xdr:nvGrpSpPr>
      <xdr:grpSpPr bwMode="auto">
        <a:xfrm>
          <a:off x="5562600" y="7010400"/>
          <a:ext cx="4543425" cy="209550"/>
          <a:chOff x="29" y="1539"/>
          <a:chExt cx="381" cy="22"/>
        </a:xfrm>
      </xdr:grpSpPr>
      <xdr:sp macro="" textlink="">
        <xdr:nvSpPr>
          <xdr:cNvPr id="9" name="Rectangle 8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xmlns:mc="http://schemas.openxmlformats.org/markup-compatibility/2006" xmlns:a14="http://schemas.microsoft.com/office/drawing/2010/main" val="99CCFF" mc:Ignorable="a14" a14:legacySpreadsheetColorIndex="44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10" name="Rectangle 9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１２月～２月の平日のみ運行します。</a:t>
            </a:r>
          </a:p>
        </xdr:txBody>
      </xdr:sp>
    </xdr:grpSp>
    <xdr:clientData/>
  </xdr:twoCellAnchor>
</xdr:wsDr>
</file>

<file path=xl/drawings/drawing16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923925</xdr:colOff>
      <xdr:row>33</xdr:row>
      <xdr:rowOff>0</xdr:rowOff>
    </xdr:from>
    <xdr:to>
      <xdr:col>7</xdr:col>
      <xdr:colOff>120400</xdr:colOff>
      <xdr:row>34</xdr:row>
      <xdr:rowOff>19050</xdr:rowOff>
    </xdr:to>
    <xdr:sp macro="" textlink="">
      <xdr:nvSpPr>
        <xdr:cNvPr id="2" name="Rectangle 6"/>
        <xdr:cNvSpPr>
          <a:spLocks noChangeArrowheads="1"/>
        </xdr:cNvSpPr>
      </xdr:nvSpPr>
      <xdr:spPr bwMode="auto">
        <a:xfrm>
          <a:off x="1200150" y="6562725"/>
          <a:ext cx="34732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CC00" mc:Ignorable="a14" a14:legacySpreadsheetColorIndex="51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表示の便は、土・日・祝日は運行しません。</a:t>
          </a:r>
        </a:p>
      </xdr:txBody>
    </xdr:sp>
    <xdr:clientData/>
  </xdr:twoCellAnchor>
  <xdr:twoCellAnchor>
    <xdr:from>
      <xdr:col>1</xdr:col>
      <xdr:colOff>28575</xdr:colOff>
      <xdr:row>33</xdr:row>
      <xdr:rowOff>9525</xdr:rowOff>
    </xdr:from>
    <xdr:to>
      <xdr:col>1</xdr:col>
      <xdr:colOff>790575</xdr:colOff>
      <xdr:row>34</xdr:row>
      <xdr:rowOff>28575</xdr:rowOff>
    </xdr:to>
    <xdr:sp macro="" textlink="">
      <xdr:nvSpPr>
        <xdr:cNvPr id="3" name="Rectangle 5"/>
        <xdr:cNvSpPr>
          <a:spLocks noChangeArrowheads="1"/>
        </xdr:cNvSpPr>
      </xdr:nvSpPr>
      <xdr:spPr bwMode="auto">
        <a:xfrm>
          <a:off x="304800" y="6572250"/>
          <a:ext cx="762000" cy="20955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99" mc:Ignorable="a14" a14:legacySpreadsheetColorIndex="43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904875</xdr:colOff>
      <xdr:row>34</xdr:row>
      <xdr:rowOff>133350</xdr:rowOff>
    </xdr:from>
    <xdr:to>
      <xdr:col>7</xdr:col>
      <xdr:colOff>253350</xdr:colOff>
      <xdr:row>35</xdr:row>
      <xdr:rowOff>152400</xdr:rowOff>
    </xdr:to>
    <xdr:sp macro="" textlink="">
      <xdr:nvSpPr>
        <xdr:cNvPr id="4" name="Rectangle 9"/>
        <xdr:cNvSpPr>
          <a:spLocks noChangeArrowheads="1"/>
        </xdr:cNvSpPr>
      </xdr:nvSpPr>
      <xdr:spPr bwMode="auto">
        <a:xfrm>
          <a:off x="1181100" y="6886575"/>
          <a:ext cx="3625200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CC00" mc:Ignorable="a14" a14:legacySpreadsheetColorIndex="51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表示の便は、１２月～２月の平日のみ運行します。</a:t>
          </a:r>
        </a:p>
      </xdr:txBody>
    </xdr:sp>
    <xdr:clientData/>
  </xdr:twoCellAnchor>
  <xdr:twoCellAnchor>
    <xdr:from>
      <xdr:col>1</xdr:col>
      <xdr:colOff>0</xdr:colOff>
      <xdr:row>34</xdr:row>
      <xdr:rowOff>142875</xdr:rowOff>
    </xdr:from>
    <xdr:to>
      <xdr:col>1</xdr:col>
      <xdr:colOff>800100</xdr:colOff>
      <xdr:row>35</xdr:row>
      <xdr:rowOff>161925</xdr:rowOff>
    </xdr:to>
    <xdr:sp macro="" textlink="">
      <xdr:nvSpPr>
        <xdr:cNvPr id="5" name="Rectangle 8"/>
        <xdr:cNvSpPr>
          <a:spLocks noChangeArrowheads="1"/>
        </xdr:cNvSpPr>
      </xdr:nvSpPr>
      <xdr:spPr bwMode="auto">
        <a:xfrm>
          <a:off x="276225" y="6896100"/>
          <a:ext cx="800100" cy="209550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99CCFF" mc:Ignorable="a14" a14:legacySpreadsheetColorIndex="44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</xdr:wsDr>
</file>

<file path=xl/drawings/drawing1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644768</xdr:colOff>
      <xdr:row>0</xdr:row>
      <xdr:rowOff>285751</xdr:rowOff>
    </xdr:from>
    <xdr:to>
      <xdr:col>5</xdr:col>
      <xdr:colOff>285750</xdr:colOff>
      <xdr:row>2</xdr:row>
      <xdr:rowOff>735</xdr:rowOff>
    </xdr:to>
    <xdr:sp macro="" textlink="">
      <xdr:nvSpPr>
        <xdr:cNvPr id="2" name="正方形/長方形 1"/>
        <xdr:cNvSpPr/>
      </xdr:nvSpPr>
      <xdr:spPr>
        <a:xfrm>
          <a:off x="3349868" y="285751"/>
          <a:ext cx="1012582" cy="315059"/>
        </a:xfrm>
        <a:prstGeom prst="rect">
          <a:avLst/>
        </a:prstGeom>
        <a:solidFill>
          <a:srgbClr val="FFABF5"/>
        </a:solidFill>
        <a:ln>
          <a:solidFill>
            <a:schemeClr val="bg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 b="1">
              <a:solidFill>
                <a:schemeClr val="tx1"/>
              </a:solidFill>
            </a:rPr>
            <a:t>５００円</a:t>
          </a:r>
          <a:endParaRPr kumimoji="1" lang="en-US" altLang="ja-JP" sz="1400" b="1">
            <a:solidFill>
              <a:schemeClr val="tx1"/>
            </a:solidFill>
          </a:endParaRPr>
        </a:p>
      </xdr:txBody>
    </xdr:sp>
    <xdr:clientData/>
  </xdr:twoCellAnchor>
  <xdr:twoCellAnchor>
    <xdr:from>
      <xdr:col>0</xdr:col>
      <xdr:colOff>124155</xdr:colOff>
      <xdr:row>49</xdr:row>
      <xdr:rowOff>389668</xdr:rowOff>
    </xdr:from>
    <xdr:to>
      <xdr:col>5</xdr:col>
      <xdr:colOff>469655</xdr:colOff>
      <xdr:row>50</xdr:row>
      <xdr:rowOff>119071</xdr:rowOff>
    </xdr:to>
    <xdr:grpSp>
      <xdr:nvGrpSpPr>
        <xdr:cNvPr id="3" name="Group 4"/>
        <xdr:cNvGrpSpPr>
          <a:grpSpLocks/>
        </xdr:cNvGrpSpPr>
      </xdr:nvGrpSpPr>
      <xdr:grpSpPr bwMode="auto">
        <a:xfrm>
          <a:off x="124155" y="9266968"/>
          <a:ext cx="4422200" cy="205653"/>
          <a:chOff x="37" y="1534"/>
          <a:chExt cx="373" cy="25"/>
        </a:xfrm>
      </xdr:grpSpPr>
      <xdr:sp macro="" textlink="">
        <xdr:nvSpPr>
          <xdr:cNvPr id="4" name="Rectangle 5"/>
          <xdr:cNvSpPr>
            <a:spLocks noChangeArrowheads="1"/>
          </xdr:cNvSpPr>
        </xdr:nvSpPr>
        <xdr:spPr bwMode="auto">
          <a:xfrm>
            <a:off x="37" y="1537"/>
            <a:ext cx="67" cy="22"/>
          </a:xfrm>
          <a:prstGeom prst="rect">
            <a:avLst/>
          </a:prstGeom>
          <a:solidFill>
            <a:srgbClr val="A7D971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5" name="Rectangle 6"/>
          <xdr:cNvSpPr>
            <a:spLocks noChangeArrowheads="1"/>
          </xdr:cNvSpPr>
        </xdr:nvSpPr>
        <xdr:spPr bwMode="auto">
          <a:xfrm>
            <a:off x="106" y="1534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土・日・祝日のみ運行します。</a:t>
            </a:r>
          </a:p>
        </xdr:txBody>
      </xdr:sp>
    </xdr:grpSp>
    <xdr:clientData/>
  </xdr:twoCellAnchor>
  <xdr:twoCellAnchor>
    <xdr:from>
      <xdr:col>4</xdr:col>
      <xdr:colOff>619863</xdr:colOff>
      <xdr:row>49</xdr:row>
      <xdr:rowOff>47626</xdr:rowOff>
    </xdr:from>
    <xdr:to>
      <xdr:col>6</xdr:col>
      <xdr:colOff>609591</xdr:colOff>
      <xdr:row>50</xdr:row>
      <xdr:rowOff>85726</xdr:rowOff>
    </xdr:to>
    <xdr:grpSp>
      <xdr:nvGrpSpPr>
        <xdr:cNvPr id="6" name="グループ化 5"/>
        <xdr:cNvGrpSpPr/>
      </xdr:nvGrpSpPr>
      <xdr:grpSpPr>
        <a:xfrm>
          <a:off x="4010763" y="8924926"/>
          <a:ext cx="1361328" cy="514350"/>
          <a:chOff x="12056715" y="8848134"/>
          <a:chExt cx="961305" cy="1520200"/>
        </a:xfrm>
      </xdr:grpSpPr>
      <xdr:sp macro="" textlink="">
        <xdr:nvSpPr>
          <xdr:cNvPr id="7" name="正方形/長方形 6"/>
          <xdr:cNvSpPr/>
        </xdr:nvSpPr>
        <xdr:spPr>
          <a:xfrm>
            <a:off x="12056715" y="8848134"/>
            <a:ext cx="961305" cy="15202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wrap="square" tIns="0" bIns="0" rtlCol="0" anchor="t">
            <a:noAutofit/>
          </a:bodyPr>
          <a:lstStyle/>
          <a:p>
            <a:pPr algn="l"/>
            <a:r>
              <a:rPr kumimoji="1" lang="ja-JP" altLang="en-US" sz="1100">
                <a:solidFill>
                  <a:schemeClr val="tx1"/>
                </a:solidFill>
              </a:rPr>
              <a:t>　</a:t>
            </a:r>
            <a:r>
              <a:rPr kumimoji="1" lang="ja-JP" altLang="en-US" sz="1000">
                <a:solidFill>
                  <a:schemeClr val="tx1"/>
                </a:solidFill>
              </a:rPr>
              <a:t>県営フェリー</a:t>
            </a:r>
            <a:endParaRPr kumimoji="1" lang="en-US" altLang="ja-JP" sz="1000">
              <a:solidFill>
                <a:schemeClr val="tx1"/>
              </a:solidFill>
            </a:endParaRPr>
          </a:p>
          <a:p>
            <a:pPr algn="l"/>
            <a:r>
              <a:rPr kumimoji="1" lang="ja-JP" altLang="en-US" sz="1000">
                <a:solidFill>
                  <a:schemeClr val="tx1"/>
                </a:solidFill>
              </a:rPr>
              <a:t>　との連絡あり</a:t>
            </a:r>
            <a:endParaRPr kumimoji="1" lang="en-US" altLang="ja-JP" sz="1000">
              <a:solidFill>
                <a:schemeClr val="tx1"/>
              </a:solidFill>
            </a:endParaRPr>
          </a:p>
        </xdr:txBody>
      </xdr:sp>
      <xdr:sp macro="" textlink="">
        <xdr:nvSpPr>
          <xdr:cNvPr id="8" name="角丸四角形 7"/>
          <xdr:cNvSpPr/>
        </xdr:nvSpPr>
        <xdr:spPr>
          <a:xfrm>
            <a:off x="12434986" y="9852542"/>
            <a:ext cx="279627" cy="284114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フ</a:t>
            </a:r>
          </a:p>
        </xdr:txBody>
      </xdr:sp>
    </xdr:grpSp>
    <xdr:clientData/>
  </xdr:twoCellAnchor>
  <xdr:twoCellAnchor>
    <xdr:from>
      <xdr:col>4</xdr:col>
      <xdr:colOff>568582</xdr:colOff>
      <xdr:row>49</xdr:row>
      <xdr:rowOff>5861</xdr:rowOff>
    </xdr:from>
    <xdr:to>
      <xdr:col>5</xdr:col>
      <xdr:colOff>168532</xdr:colOff>
      <xdr:row>49</xdr:row>
      <xdr:rowOff>277826</xdr:rowOff>
    </xdr:to>
    <xdr:grpSp>
      <xdr:nvGrpSpPr>
        <xdr:cNvPr id="9" name="グループ化 8"/>
        <xdr:cNvGrpSpPr/>
      </xdr:nvGrpSpPr>
      <xdr:grpSpPr>
        <a:xfrm>
          <a:off x="3959482" y="8883161"/>
          <a:ext cx="285750" cy="271965"/>
          <a:chOff x="1669383" y="4495011"/>
          <a:chExt cx="290046" cy="282170"/>
        </a:xfrm>
      </xdr:grpSpPr>
      <xdr:sp macro="" textlink="">
        <xdr:nvSpPr>
          <xdr:cNvPr id="10" name="角丸四角形 9"/>
          <xdr:cNvSpPr/>
        </xdr:nvSpPr>
        <xdr:spPr>
          <a:xfrm>
            <a:off x="1757614" y="4573432"/>
            <a:ext cx="147386" cy="148389"/>
          </a:xfrm>
          <a:prstGeom prst="roundRect">
            <a:avLst/>
          </a:prstGeom>
          <a:solidFill>
            <a:srgbClr val="00B05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1" name="角丸四角形 10"/>
          <xdr:cNvSpPr/>
        </xdr:nvSpPr>
        <xdr:spPr>
          <a:xfrm>
            <a:off x="1669383" y="4495011"/>
            <a:ext cx="290046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フ</a:t>
            </a:r>
          </a:p>
        </xdr:txBody>
      </xdr:sp>
    </xdr:grpSp>
    <xdr:clientData/>
  </xdr:twoCellAnchor>
  <xdr:twoCellAnchor>
    <xdr:from>
      <xdr:col>1</xdr:col>
      <xdr:colOff>1276354</xdr:colOff>
      <xdr:row>20</xdr:row>
      <xdr:rowOff>101941</xdr:rowOff>
    </xdr:from>
    <xdr:to>
      <xdr:col>2</xdr:col>
      <xdr:colOff>85725</xdr:colOff>
      <xdr:row>24</xdr:row>
      <xdr:rowOff>28576</xdr:rowOff>
    </xdr:to>
    <xdr:sp macro="" textlink="">
      <xdr:nvSpPr>
        <xdr:cNvPr id="14" name="角丸四角形 13"/>
        <xdr:cNvSpPr/>
      </xdr:nvSpPr>
      <xdr:spPr>
        <a:xfrm>
          <a:off x="1571629" y="3854791"/>
          <a:ext cx="533396" cy="612435"/>
        </a:xfrm>
        <a:prstGeom prst="roundRect">
          <a:avLst>
            <a:gd name="adj" fmla="val 13359"/>
          </a:avLst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900"/>
            <a:t>フ</a:t>
          </a:r>
        </a:p>
      </xdr:txBody>
    </xdr:sp>
    <xdr:clientData/>
  </xdr:twoCellAnchor>
  <xdr:twoCellAnchor>
    <xdr:from>
      <xdr:col>1</xdr:col>
      <xdr:colOff>1381125</xdr:colOff>
      <xdr:row>20</xdr:row>
      <xdr:rowOff>114300</xdr:rowOff>
    </xdr:from>
    <xdr:to>
      <xdr:col>1</xdr:col>
      <xdr:colOff>1666875</xdr:colOff>
      <xdr:row>22</xdr:row>
      <xdr:rowOff>43365</xdr:rowOff>
    </xdr:to>
    <xdr:grpSp>
      <xdr:nvGrpSpPr>
        <xdr:cNvPr id="19" name="グループ化 18"/>
        <xdr:cNvGrpSpPr/>
      </xdr:nvGrpSpPr>
      <xdr:grpSpPr>
        <a:xfrm>
          <a:off x="1676400" y="3867150"/>
          <a:ext cx="285750" cy="271965"/>
          <a:chOff x="1669383" y="4495011"/>
          <a:chExt cx="290046" cy="282170"/>
        </a:xfrm>
      </xdr:grpSpPr>
      <xdr:sp macro="" textlink="">
        <xdr:nvSpPr>
          <xdr:cNvPr id="20" name="角丸四角形 19"/>
          <xdr:cNvSpPr/>
        </xdr:nvSpPr>
        <xdr:spPr>
          <a:xfrm>
            <a:off x="1757614" y="4573432"/>
            <a:ext cx="147386" cy="148389"/>
          </a:xfrm>
          <a:prstGeom prst="roundRect">
            <a:avLst/>
          </a:prstGeom>
          <a:solidFill>
            <a:srgbClr val="00B05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1" name="角丸四角形 20"/>
          <xdr:cNvSpPr/>
        </xdr:nvSpPr>
        <xdr:spPr>
          <a:xfrm>
            <a:off x="1669383" y="4495011"/>
            <a:ext cx="290046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フ</a:t>
            </a:r>
          </a:p>
        </xdr:txBody>
      </xdr:sp>
    </xdr:grpSp>
    <xdr:clientData/>
  </xdr:twoCellAnchor>
  <xdr:twoCellAnchor>
    <xdr:from>
      <xdr:col>1</xdr:col>
      <xdr:colOff>1390650</xdr:colOff>
      <xdr:row>30</xdr:row>
      <xdr:rowOff>123822</xdr:rowOff>
    </xdr:from>
    <xdr:to>
      <xdr:col>1</xdr:col>
      <xdr:colOff>1676400</xdr:colOff>
      <xdr:row>32</xdr:row>
      <xdr:rowOff>52887</xdr:rowOff>
    </xdr:to>
    <xdr:grpSp>
      <xdr:nvGrpSpPr>
        <xdr:cNvPr id="22" name="グループ化 21"/>
        <xdr:cNvGrpSpPr/>
      </xdr:nvGrpSpPr>
      <xdr:grpSpPr>
        <a:xfrm>
          <a:off x="1685925" y="5667372"/>
          <a:ext cx="285750" cy="271965"/>
          <a:chOff x="1669383" y="4495008"/>
          <a:chExt cx="290046" cy="282170"/>
        </a:xfrm>
      </xdr:grpSpPr>
      <xdr:sp macro="" textlink="">
        <xdr:nvSpPr>
          <xdr:cNvPr id="23" name="角丸四角形 22"/>
          <xdr:cNvSpPr/>
        </xdr:nvSpPr>
        <xdr:spPr>
          <a:xfrm>
            <a:off x="1757614" y="4573432"/>
            <a:ext cx="147386" cy="148389"/>
          </a:xfrm>
          <a:prstGeom prst="roundRect">
            <a:avLst/>
          </a:prstGeom>
          <a:solidFill>
            <a:srgbClr val="00B05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4" name="角丸四角形 23"/>
          <xdr:cNvSpPr/>
        </xdr:nvSpPr>
        <xdr:spPr>
          <a:xfrm>
            <a:off x="1669383" y="4495008"/>
            <a:ext cx="290046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フ</a:t>
            </a:r>
          </a:p>
        </xdr:txBody>
      </xdr:sp>
    </xdr:grpSp>
    <xdr:clientData/>
  </xdr:twoCellAnchor>
</xdr:wsDr>
</file>

<file path=xl/drawings/drawing18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85725</xdr:colOff>
      <xdr:row>27</xdr:row>
      <xdr:rowOff>114300</xdr:rowOff>
    </xdr:from>
    <xdr:to>
      <xdr:col>9</xdr:col>
      <xdr:colOff>161925</xdr:colOff>
      <xdr:row>28</xdr:row>
      <xdr:rowOff>133350</xdr:rowOff>
    </xdr:to>
    <xdr:grpSp>
      <xdr:nvGrpSpPr>
        <xdr:cNvPr id="2" name="Group 25"/>
        <xdr:cNvGrpSpPr>
          <a:grpSpLocks/>
        </xdr:cNvGrpSpPr>
      </xdr:nvGrpSpPr>
      <xdr:grpSpPr bwMode="auto">
        <a:xfrm>
          <a:off x="403225" y="6908800"/>
          <a:ext cx="5330825" cy="209550"/>
          <a:chOff x="29" y="1539"/>
          <a:chExt cx="381" cy="22"/>
        </a:xfrm>
      </xdr:grpSpPr>
      <xdr:sp macro="" textlink="">
        <xdr:nvSpPr>
          <xdr:cNvPr id="3" name="Rectangle 26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xmlns:mc="http://schemas.openxmlformats.org/markup-compatibility/2006" xmlns:a14="http://schemas.microsoft.com/office/drawing/2010/main" val="FFFF99" mc:Ignorable="a14" a14:legacySpreadsheetColorIndex="43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4" name="Rectangle 27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土・日・祝日は運行しません。</a:t>
            </a:r>
          </a:p>
        </xdr:txBody>
      </xdr:sp>
    </xdr:grpSp>
    <xdr:clientData/>
  </xdr:twoCellAnchor>
  <xdr:twoCellAnchor>
    <xdr:from>
      <xdr:col>1</xdr:col>
      <xdr:colOff>85725</xdr:colOff>
      <xdr:row>29</xdr:row>
      <xdr:rowOff>142875</xdr:rowOff>
    </xdr:from>
    <xdr:to>
      <xdr:col>9</xdr:col>
      <xdr:colOff>161925</xdr:colOff>
      <xdr:row>30</xdr:row>
      <xdr:rowOff>161925</xdr:rowOff>
    </xdr:to>
    <xdr:grpSp>
      <xdr:nvGrpSpPr>
        <xdr:cNvPr id="5" name="Group 54"/>
        <xdr:cNvGrpSpPr>
          <a:grpSpLocks/>
        </xdr:cNvGrpSpPr>
      </xdr:nvGrpSpPr>
      <xdr:grpSpPr bwMode="auto">
        <a:xfrm>
          <a:off x="403225" y="7318375"/>
          <a:ext cx="5330825" cy="209550"/>
          <a:chOff x="29" y="1539"/>
          <a:chExt cx="381" cy="22"/>
        </a:xfrm>
      </xdr:grpSpPr>
      <xdr:sp macro="" textlink="">
        <xdr:nvSpPr>
          <xdr:cNvPr id="6" name="Rectangle 55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xmlns:mc="http://schemas.openxmlformats.org/markup-compatibility/2006" xmlns:a14="http://schemas.microsoft.com/office/drawing/2010/main" val="99CC00" mc:Ignorable="a14" a14:legacySpreadsheetColorIndex="50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7" name="Rectangle 56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土・日・祝日のみ運行します。</a:t>
            </a:r>
          </a:p>
        </xdr:txBody>
      </xdr:sp>
    </xdr:grpSp>
    <xdr:clientData/>
  </xdr:twoCellAnchor>
  <xdr:twoCellAnchor>
    <xdr:from>
      <xdr:col>1</xdr:col>
      <xdr:colOff>76200</xdr:colOff>
      <xdr:row>31</xdr:row>
      <xdr:rowOff>142875</xdr:rowOff>
    </xdr:from>
    <xdr:to>
      <xdr:col>9</xdr:col>
      <xdr:colOff>152400</xdr:colOff>
      <xdr:row>32</xdr:row>
      <xdr:rowOff>161925</xdr:rowOff>
    </xdr:to>
    <xdr:grpSp>
      <xdr:nvGrpSpPr>
        <xdr:cNvPr id="8" name="Group 159"/>
        <xdr:cNvGrpSpPr>
          <a:grpSpLocks/>
        </xdr:cNvGrpSpPr>
      </xdr:nvGrpSpPr>
      <xdr:grpSpPr bwMode="auto">
        <a:xfrm>
          <a:off x="393700" y="7699375"/>
          <a:ext cx="5330825" cy="209550"/>
          <a:chOff x="29" y="1539"/>
          <a:chExt cx="381" cy="22"/>
        </a:xfrm>
      </xdr:grpSpPr>
      <xdr:sp macro="" textlink="">
        <xdr:nvSpPr>
          <xdr:cNvPr id="9" name="Rectangle 160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xmlns:mc="http://schemas.openxmlformats.org/markup-compatibility/2006" xmlns:a14="http://schemas.microsoft.com/office/drawing/2010/main" val="99CCFF" mc:Ignorable="a14" a14:legacySpreadsheetColorIndex="44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10" name="Rectangle 161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１２月～２月の平日のみ運行します。</a:t>
            </a:r>
          </a:p>
        </xdr:txBody>
      </xdr:sp>
    </xdr:grpSp>
    <xdr:clientData/>
  </xdr:twoCellAnchor>
  <xdr:twoCellAnchor>
    <xdr:from>
      <xdr:col>20</xdr:col>
      <xdr:colOff>79375</xdr:colOff>
      <xdr:row>26</xdr:row>
      <xdr:rowOff>127001</xdr:rowOff>
    </xdr:from>
    <xdr:to>
      <xdr:col>22</xdr:col>
      <xdr:colOff>490402</xdr:colOff>
      <xdr:row>29</xdr:row>
      <xdr:rowOff>95251</xdr:rowOff>
    </xdr:to>
    <xdr:sp macro="" textlink="">
      <xdr:nvSpPr>
        <xdr:cNvPr id="11" name="正方形/長方形 10"/>
        <xdr:cNvSpPr/>
      </xdr:nvSpPr>
      <xdr:spPr>
        <a:xfrm>
          <a:off x="12080875" y="6731001"/>
          <a:ext cx="1585777" cy="539750"/>
        </a:xfrm>
        <a:prstGeom prst="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wrap="square" tIns="0" bIns="0" rtlCol="0" anchor="t">
          <a:noAutofit/>
        </a:bodyPr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　</a:t>
          </a:r>
          <a:r>
            <a:rPr kumimoji="1" lang="ja-JP" altLang="en-US" sz="1000">
              <a:solidFill>
                <a:schemeClr val="tx1"/>
              </a:solidFill>
            </a:rPr>
            <a:t>県営フェリー</a:t>
          </a:r>
          <a:endParaRPr kumimoji="1" lang="en-US" altLang="ja-JP" sz="1000">
            <a:solidFill>
              <a:schemeClr val="tx1"/>
            </a:solidFill>
          </a:endParaRPr>
        </a:p>
        <a:p>
          <a:pPr algn="l"/>
          <a:r>
            <a:rPr kumimoji="1" lang="ja-JP" altLang="en-US" sz="1000">
              <a:solidFill>
                <a:schemeClr val="tx1"/>
              </a:solidFill>
            </a:rPr>
            <a:t>　との連絡あり</a:t>
          </a:r>
          <a:endParaRPr kumimoji="1" lang="en-US" altLang="ja-JP" sz="1000">
            <a:solidFill>
              <a:schemeClr val="tx1"/>
            </a:solidFill>
          </a:endParaRPr>
        </a:p>
      </xdr:txBody>
    </xdr:sp>
    <xdr:clientData/>
  </xdr:twoCellAnchor>
  <xdr:twoCellAnchor>
    <xdr:from>
      <xdr:col>20</xdr:col>
      <xdr:colOff>47625</xdr:colOff>
      <xdr:row>26</xdr:row>
      <xdr:rowOff>63519</xdr:rowOff>
    </xdr:from>
    <xdr:to>
      <xdr:col>20</xdr:col>
      <xdr:colOff>333375</xdr:colOff>
      <xdr:row>27</xdr:row>
      <xdr:rowOff>144985</xdr:rowOff>
    </xdr:to>
    <xdr:grpSp>
      <xdr:nvGrpSpPr>
        <xdr:cNvPr id="13" name="グループ化 12"/>
        <xdr:cNvGrpSpPr/>
      </xdr:nvGrpSpPr>
      <xdr:grpSpPr>
        <a:xfrm>
          <a:off x="12049125" y="6667519"/>
          <a:ext cx="285750" cy="271966"/>
          <a:chOff x="1669383" y="4478541"/>
          <a:chExt cx="290046" cy="282170"/>
        </a:xfrm>
      </xdr:grpSpPr>
      <xdr:sp macro="" textlink="">
        <xdr:nvSpPr>
          <xdr:cNvPr id="14" name="角丸四角形 13"/>
          <xdr:cNvSpPr/>
        </xdr:nvSpPr>
        <xdr:spPr>
          <a:xfrm>
            <a:off x="1757614" y="4573432"/>
            <a:ext cx="147386" cy="148389"/>
          </a:xfrm>
          <a:prstGeom prst="roundRect">
            <a:avLst/>
          </a:prstGeom>
          <a:solidFill>
            <a:srgbClr val="00B05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5" name="角丸四角形 14"/>
          <xdr:cNvSpPr/>
        </xdr:nvSpPr>
        <xdr:spPr>
          <a:xfrm>
            <a:off x="1669383" y="4478541"/>
            <a:ext cx="290046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フ</a:t>
            </a:r>
          </a:p>
        </xdr:txBody>
      </xdr:sp>
    </xdr:grpSp>
    <xdr:clientData/>
  </xdr:twoCellAnchor>
  <xdr:twoCellAnchor>
    <xdr:from>
      <xdr:col>13</xdr:col>
      <xdr:colOff>1365250</xdr:colOff>
      <xdr:row>20</xdr:row>
      <xdr:rowOff>238125</xdr:rowOff>
    </xdr:from>
    <xdr:to>
      <xdr:col>13</xdr:col>
      <xdr:colOff>1651000</xdr:colOff>
      <xdr:row>22</xdr:row>
      <xdr:rowOff>2090</xdr:rowOff>
    </xdr:to>
    <xdr:grpSp>
      <xdr:nvGrpSpPr>
        <xdr:cNvPr id="16" name="グループ化 15"/>
        <xdr:cNvGrpSpPr/>
      </xdr:nvGrpSpPr>
      <xdr:grpSpPr>
        <a:xfrm>
          <a:off x="8699500" y="5318125"/>
          <a:ext cx="285750" cy="271965"/>
          <a:chOff x="1669383" y="4495011"/>
          <a:chExt cx="290046" cy="282170"/>
        </a:xfrm>
      </xdr:grpSpPr>
      <xdr:sp macro="" textlink="">
        <xdr:nvSpPr>
          <xdr:cNvPr id="17" name="角丸四角形 16"/>
          <xdr:cNvSpPr/>
        </xdr:nvSpPr>
        <xdr:spPr>
          <a:xfrm>
            <a:off x="1757614" y="4573432"/>
            <a:ext cx="147386" cy="148389"/>
          </a:xfrm>
          <a:prstGeom prst="roundRect">
            <a:avLst/>
          </a:prstGeom>
          <a:solidFill>
            <a:srgbClr val="00B05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8" name="角丸四角形 17"/>
          <xdr:cNvSpPr/>
        </xdr:nvSpPr>
        <xdr:spPr>
          <a:xfrm>
            <a:off x="1669383" y="4495011"/>
            <a:ext cx="290046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フ</a:t>
            </a:r>
          </a:p>
        </xdr:txBody>
      </xdr:sp>
    </xdr:grpSp>
    <xdr:clientData/>
  </xdr:twoCellAnchor>
  <xdr:twoCellAnchor>
    <xdr:from>
      <xdr:col>1</xdr:col>
      <xdr:colOff>1349375</xdr:colOff>
      <xdr:row>6</xdr:row>
      <xdr:rowOff>222250</xdr:rowOff>
    </xdr:from>
    <xdr:to>
      <xdr:col>1</xdr:col>
      <xdr:colOff>1635125</xdr:colOff>
      <xdr:row>7</xdr:row>
      <xdr:rowOff>240215</xdr:rowOff>
    </xdr:to>
    <xdr:grpSp>
      <xdr:nvGrpSpPr>
        <xdr:cNvPr id="19" name="グループ化 18"/>
        <xdr:cNvGrpSpPr/>
      </xdr:nvGrpSpPr>
      <xdr:grpSpPr>
        <a:xfrm>
          <a:off x="1666875" y="1746250"/>
          <a:ext cx="285750" cy="271965"/>
          <a:chOff x="1669383" y="4495011"/>
          <a:chExt cx="290046" cy="282170"/>
        </a:xfrm>
      </xdr:grpSpPr>
      <xdr:sp macro="" textlink="">
        <xdr:nvSpPr>
          <xdr:cNvPr id="20" name="角丸四角形 19"/>
          <xdr:cNvSpPr/>
        </xdr:nvSpPr>
        <xdr:spPr>
          <a:xfrm>
            <a:off x="1757614" y="4573432"/>
            <a:ext cx="147386" cy="148389"/>
          </a:xfrm>
          <a:prstGeom prst="roundRect">
            <a:avLst/>
          </a:prstGeom>
          <a:solidFill>
            <a:srgbClr val="00B05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1" name="角丸四角形 20"/>
          <xdr:cNvSpPr/>
        </xdr:nvSpPr>
        <xdr:spPr>
          <a:xfrm>
            <a:off x="1669383" y="4495011"/>
            <a:ext cx="290046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フ</a:t>
            </a:r>
          </a:p>
        </xdr:txBody>
      </xdr:sp>
    </xdr:grp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08857</xdr:colOff>
      <xdr:row>44</xdr:row>
      <xdr:rowOff>99332</xdr:rowOff>
    </xdr:from>
    <xdr:to>
      <xdr:col>10</xdr:col>
      <xdr:colOff>36739</xdr:colOff>
      <xdr:row>45</xdr:row>
      <xdr:rowOff>127907</xdr:rowOff>
    </xdr:to>
    <xdr:grpSp>
      <xdr:nvGrpSpPr>
        <xdr:cNvPr id="2" name="Group 1"/>
        <xdr:cNvGrpSpPr>
          <a:grpSpLocks/>
        </xdr:cNvGrpSpPr>
      </xdr:nvGrpSpPr>
      <xdr:grpSpPr bwMode="auto">
        <a:xfrm>
          <a:off x="2585357" y="13039725"/>
          <a:ext cx="4023632" cy="219075"/>
          <a:chOff x="29" y="1539"/>
          <a:chExt cx="381" cy="22"/>
        </a:xfrm>
      </xdr:grpSpPr>
      <xdr:sp macro="" textlink="">
        <xdr:nvSpPr>
          <xdr:cNvPr id="3" name="Rectangle 2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xmlns:mc="http://schemas.openxmlformats.org/markup-compatibility/2006" xmlns:a14="http://schemas.microsoft.com/office/drawing/2010/main" val="FFFF99" mc:Ignorable="a14" a14:legacySpreadsheetColorIndex="43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4" name="Rectangle 3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土・日・祝日は運行しません。</a:t>
            </a:r>
          </a:p>
        </xdr:txBody>
      </xdr:sp>
    </xdr:grpSp>
    <xdr:clientData/>
  </xdr:twoCellAnchor>
  <xdr:twoCellAnchor editAs="oneCell">
    <xdr:from>
      <xdr:col>1</xdr:col>
      <xdr:colOff>1243198</xdr:colOff>
      <xdr:row>3</xdr:row>
      <xdr:rowOff>106238</xdr:rowOff>
    </xdr:from>
    <xdr:to>
      <xdr:col>1</xdr:col>
      <xdr:colOff>1397293</xdr:colOff>
      <xdr:row>3</xdr:row>
      <xdr:rowOff>257020</xdr:rowOff>
    </xdr:to>
    <xdr:pic>
      <xdr:nvPicPr>
        <xdr:cNvPr id="8" name="図 7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556162" y="881845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</xdr:col>
      <xdr:colOff>1400734</xdr:colOff>
      <xdr:row>4</xdr:row>
      <xdr:rowOff>118462</xdr:rowOff>
    </xdr:from>
    <xdr:to>
      <xdr:col>1</xdr:col>
      <xdr:colOff>1554829</xdr:colOff>
      <xdr:row>4</xdr:row>
      <xdr:rowOff>269244</xdr:rowOff>
    </xdr:to>
    <xdr:pic>
      <xdr:nvPicPr>
        <xdr:cNvPr id="9" name="図 8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713698" y="1193426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</xdr:col>
      <xdr:colOff>1384726</xdr:colOff>
      <xdr:row>8</xdr:row>
      <xdr:rowOff>118463</xdr:rowOff>
    </xdr:from>
    <xdr:to>
      <xdr:col>1</xdr:col>
      <xdr:colOff>1538821</xdr:colOff>
      <xdr:row>8</xdr:row>
      <xdr:rowOff>269245</xdr:rowOff>
    </xdr:to>
    <xdr:pic>
      <xdr:nvPicPr>
        <xdr:cNvPr id="10" name="図 9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697690" y="2390856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</xdr:col>
      <xdr:colOff>1400736</xdr:colOff>
      <xdr:row>3</xdr:row>
      <xdr:rowOff>107256</xdr:rowOff>
    </xdr:from>
    <xdr:to>
      <xdr:col>1</xdr:col>
      <xdr:colOff>1545880</xdr:colOff>
      <xdr:row>3</xdr:row>
      <xdr:rowOff>252400</xdr:rowOff>
    </xdr:to>
    <xdr:pic>
      <xdr:nvPicPr>
        <xdr:cNvPr id="11" name="図 10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713700" y="882863"/>
          <a:ext cx="145144" cy="145144"/>
        </a:xfrm>
        <a:prstGeom prst="rect">
          <a:avLst/>
        </a:prstGeom>
      </xdr:spPr>
    </xdr:pic>
    <xdr:clientData/>
  </xdr:twoCellAnchor>
  <xdr:twoCellAnchor editAs="oneCell">
    <xdr:from>
      <xdr:col>1</xdr:col>
      <xdr:colOff>1378405</xdr:colOff>
      <xdr:row>16</xdr:row>
      <xdr:rowOff>122463</xdr:rowOff>
    </xdr:from>
    <xdr:to>
      <xdr:col>1</xdr:col>
      <xdr:colOff>1542025</xdr:colOff>
      <xdr:row>16</xdr:row>
      <xdr:rowOff>273245</xdr:rowOff>
    </xdr:to>
    <xdr:pic>
      <xdr:nvPicPr>
        <xdr:cNvPr id="12" name="図 11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691369" y="4789713"/>
          <a:ext cx="163620" cy="150782"/>
        </a:xfrm>
        <a:prstGeom prst="rect">
          <a:avLst/>
        </a:prstGeom>
      </xdr:spPr>
    </xdr:pic>
    <xdr:clientData/>
  </xdr:twoCellAnchor>
  <xdr:twoCellAnchor editAs="oneCell">
    <xdr:from>
      <xdr:col>15</xdr:col>
      <xdr:colOff>1387929</xdr:colOff>
      <xdr:row>29</xdr:row>
      <xdr:rowOff>95249</xdr:rowOff>
    </xdr:from>
    <xdr:to>
      <xdr:col>15</xdr:col>
      <xdr:colOff>1551549</xdr:colOff>
      <xdr:row>29</xdr:row>
      <xdr:rowOff>246031</xdr:rowOff>
    </xdr:to>
    <xdr:pic>
      <xdr:nvPicPr>
        <xdr:cNvPr id="13" name="図 12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300608" y="8654142"/>
          <a:ext cx="163620" cy="150782"/>
        </a:xfrm>
        <a:prstGeom prst="rect">
          <a:avLst/>
        </a:prstGeom>
      </xdr:spPr>
    </xdr:pic>
    <xdr:clientData/>
  </xdr:twoCellAnchor>
  <xdr:twoCellAnchor editAs="oneCell">
    <xdr:from>
      <xdr:col>15</xdr:col>
      <xdr:colOff>1387929</xdr:colOff>
      <xdr:row>37</xdr:row>
      <xdr:rowOff>95249</xdr:rowOff>
    </xdr:from>
    <xdr:to>
      <xdr:col>15</xdr:col>
      <xdr:colOff>1551549</xdr:colOff>
      <xdr:row>37</xdr:row>
      <xdr:rowOff>246031</xdr:rowOff>
    </xdr:to>
    <xdr:pic>
      <xdr:nvPicPr>
        <xdr:cNvPr id="14" name="図 13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300608" y="11048999"/>
          <a:ext cx="163620" cy="150782"/>
        </a:xfrm>
        <a:prstGeom prst="rect">
          <a:avLst/>
        </a:prstGeom>
      </xdr:spPr>
    </xdr:pic>
    <xdr:clientData/>
  </xdr:twoCellAnchor>
  <xdr:twoCellAnchor editAs="oneCell">
    <xdr:from>
      <xdr:col>15</xdr:col>
      <xdr:colOff>1387928</xdr:colOff>
      <xdr:row>41</xdr:row>
      <xdr:rowOff>108856</xdr:rowOff>
    </xdr:from>
    <xdr:to>
      <xdr:col>15</xdr:col>
      <xdr:colOff>1551548</xdr:colOff>
      <xdr:row>41</xdr:row>
      <xdr:rowOff>259638</xdr:rowOff>
    </xdr:to>
    <xdr:pic>
      <xdr:nvPicPr>
        <xdr:cNvPr id="15" name="図 14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300607" y="12260035"/>
          <a:ext cx="163620" cy="150782"/>
        </a:xfrm>
        <a:prstGeom prst="rect">
          <a:avLst/>
        </a:prstGeom>
      </xdr:spPr>
    </xdr:pic>
    <xdr:clientData/>
  </xdr:twoCellAnchor>
  <xdr:twoCellAnchor editAs="oneCell">
    <xdr:from>
      <xdr:col>15</xdr:col>
      <xdr:colOff>1387928</xdr:colOff>
      <xdr:row>42</xdr:row>
      <xdr:rowOff>68035</xdr:rowOff>
    </xdr:from>
    <xdr:to>
      <xdr:col>15</xdr:col>
      <xdr:colOff>1533072</xdr:colOff>
      <xdr:row>42</xdr:row>
      <xdr:rowOff>213179</xdr:rowOff>
    </xdr:to>
    <xdr:pic>
      <xdr:nvPicPr>
        <xdr:cNvPr id="16" name="図 15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300607" y="12518571"/>
          <a:ext cx="145144" cy="145144"/>
        </a:xfrm>
        <a:prstGeom prst="rect">
          <a:avLst/>
        </a:prstGeom>
      </xdr:spPr>
    </xdr:pic>
    <xdr:clientData/>
  </xdr:twoCellAnchor>
  <xdr:twoCellAnchor editAs="oneCell">
    <xdr:from>
      <xdr:col>15</xdr:col>
      <xdr:colOff>1224643</xdr:colOff>
      <xdr:row>42</xdr:row>
      <xdr:rowOff>68035</xdr:rowOff>
    </xdr:from>
    <xdr:to>
      <xdr:col>15</xdr:col>
      <xdr:colOff>1388263</xdr:colOff>
      <xdr:row>42</xdr:row>
      <xdr:rowOff>218817</xdr:rowOff>
    </xdr:to>
    <xdr:pic>
      <xdr:nvPicPr>
        <xdr:cNvPr id="17" name="図 16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137322" y="12518571"/>
          <a:ext cx="163620" cy="150782"/>
        </a:xfrm>
        <a:prstGeom prst="rect">
          <a:avLst/>
        </a:prstGeom>
      </xdr:spPr>
    </xdr:pic>
    <xdr:clientData/>
  </xdr:twoCellAnchor>
  <xdr:twoCellAnchor>
    <xdr:from>
      <xdr:col>3</xdr:col>
      <xdr:colOff>176893</xdr:colOff>
      <xdr:row>0</xdr:row>
      <xdr:rowOff>40821</xdr:rowOff>
    </xdr:from>
    <xdr:to>
      <xdr:col>6</xdr:col>
      <xdr:colOff>462644</xdr:colOff>
      <xdr:row>1</xdr:row>
      <xdr:rowOff>40821</xdr:rowOff>
    </xdr:to>
    <xdr:sp macro="" textlink="">
      <xdr:nvSpPr>
        <xdr:cNvPr id="2051" name="AutoShape 3"/>
        <xdr:cNvSpPr>
          <a:spLocks noChangeArrowheads="1"/>
        </xdr:cNvSpPr>
      </xdr:nvSpPr>
      <xdr:spPr bwMode="auto">
        <a:xfrm>
          <a:off x="2653393" y="40821"/>
          <a:ext cx="2041072" cy="367393"/>
        </a:xfrm>
        <a:prstGeom prst="wedgeEllipseCallout">
          <a:avLst>
            <a:gd name="adj1" fmla="val -65199"/>
            <a:gd name="adj2" fmla="val 84149"/>
          </a:avLst>
        </a:prstGeom>
        <a:gradFill rotWithShape="0">
          <a:gsLst>
            <a:gs pos="0">
              <a:srgbClr val="FF99FF">
                <a:alpha val="50000"/>
              </a:srgbClr>
            </a:gs>
            <a:gs pos="100000">
              <a:srgbClr val="FF99FF">
                <a:gamma/>
                <a:tint val="20000"/>
                <a:invGamma/>
              </a:srgbClr>
            </a:gs>
          </a:gsLst>
          <a:lin ang="5400000" scaled="1"/>
        </a:gradFill>
        <a:ln w="9525">
          <a:solidFill>
            <a:srgbClr val="FF0066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050" b="1" i="0" u="none" strike="noStrike" baseline="0">
              <a:solidFill>
                <a:srgbClr val="FF0000"/>
              </a:solidFill>
              <a:latin typeface="HG丸ｺﾞｼｯｸM-PRO"/>
              <a:ea typeface="HG丸ｺﾞｼｯｸM-PRO"/>
            </a:rPr>
            <a:t>快速便（第1便）</a:t>
          </a:r>
        </a:p>
      </xdr:txBody>
    </xdr:sp>
    <xdr:clientData/>
  </xdr:twoCellAnchor>
  <xdr:twoCellAnchor>
    <xdr:from>
      <xdr:col>22</xdr:col>
      <xdr:colOff>312963</xdr:colOff>
      <xdr:row>0</xdr:row>
      <xdr:rowOff>54428</xdr:rowOff>
    </xdr:from>
    <xdr:to>
      <xdr:col>26</xdr:col>
      <xdr:colOff>217713</xdr:colOff>
      <xdr:row>1</xdr:row>
      <xdr:rowOff>54428</xdr:rowOff>
    </xdr:to>
    <xdr:sp macro="" textlink="">
      <xdr:nvSpPr>
        <xdr:cNvPr id="20" name="AutoShape 3"/>
        <xdr:cNvSpPr>
          <a:spLocks noChangeArrowheads="1"/>
        </xdr:cNvSpPr>
      </xdr:nvSpPr>
      <xdr:spPr bwMode="auto">
        <a:xfrm>
          <a:off x="14314713" y="54428"/>
          <a:ext cx="2245179" cy="367393"/>
        </a:xfrm>
        <a:prstGeom prst="wedgeEllipseCallout">
          <a:avLst>
            <a:gd name="adj1" fmla="val 55467"/>
            <a:gd name="adj2" fmla="val 76741"/>
          </a:avLst>
        </a:prstGeom>
        <a:gradFill rotWithShape="0">
          <a:gsLst>
            <a:gs pos="0">
              <a:srgbClr val="FF99FF">
                <a:alpha val="50000"/>
              </a:srgbClr>
            </a:gs>
            <a:gs pos="100000">
              <a:srgbClr val="FF99FF">
                <a:gamma/>
                <a:tint val="20000"/>
                <a:invGamma/>
              </a:srgbClr>
            </a:gs>
          </a:gsLst>
          <a:lin ang="5400000" scaled="1"/>
        </a:gradFill>
        <a:ln w="9525">
          <a:solidFill>
            <a:srgbClr val="FF0066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050" b="1" i="0" u="none" strike="noStrike" baseline="0">
              <a:solidFill>
                <a:srgbClr val="FF0000"/>
              </a:solidFill>
              <a:latin typeface="HG丸ｺﾞｼｯｸM-PRO"/>
              <a:ea typeface="HG丸ｺﾞｼｯｸM-PRO"/>
            </a:rPr>
            <a:t>快速便（第1</a:t>
          </a:r>
          <a:r>
            <a:rPr lang="en-US" altLang="ja-JP" sz="1050" b="1" i="0" u="none" strike="noStrike" baseline="0">
              <a:solidFill>
                <a:srgbClr val="FF0000"/>
              </a:solidFill>
              <a:latin typeface="HG丸ｺﾞｼｯｸM-PRO"/>
              <a:ea typeface="HG丸ｺﾞｼｯｸM-PRO"/>
            </a:rPr>
            <a:t>1</a:t>
          </a:r>
          <a:r>
            <a:rPr lang="ja-JP" altLang="en-US" sz="1050" b="1" i="0" u="none" strike="noStrike" baseline="0">
              <a:solidFill>
                <a:srgbClr val="FF0000"/>
              </a:solidFill>
              <a:latin typeface="HG丸ｺﾞｼｯｸM-PRO"/>
              <a:ea typeface="HG丸ｺﾞｼｯｸM-PRO"/>
            </a:rPr>
            <a:t>便）</a:t>
          </a:r>
        </a:p>
      </xdr:txBody>
    </xdr:sp>
    <xdr:clientData/>
  </xdr:twoCellAnchor>
  <xdr:twoCellAnchor>
    <xdr:from>
      <xdr:col>0</xdr:col>
      <xdr:colOff>68035</xdr:colOff>
      <xdr:row>43</xdr:row>
      <xdr:rowOff>54428</xdr:rowOff>
    </xdr:from>
    <xdr:to>
      <xdr:col>2</xdr:col>
      <xdr:colOff>503464</xdr:colOff>
      <xdr:row>46</xdr:row>
      <xdr:rowOff>54428</xdr:rowOff>
    </xdr:to>
    <xdr:sp macro="" textlink="">
      <xdr:nvSpPr>
        <xdr:cNvPr id="22" name="正方形/長方形 21"/>
        <xdr:cNvSpPr/>
      </xdr:nvSpPr>
      <xdr:spPr>
        <a:xfrm>
          <a:off x="68035" y="12804321"/>
          <a:ext cx="2326822" cy="571500"/>
        </a:xfrm>
        <a:prstGeom prst="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wrap="square" tIns="0" bIns="0" rtlCol="0" anchor="t">
          <a:noAutofit/>
        </a:bodyPr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　万葉線との連絡あり</a:t>
          </a:r>
          <a:endParaRPr kumimoji="1" lang="en-US" altLang="ja-JP" sz="1100">
            <a:solidFill>
              <a:schemeClr val="tx1"/>
            </a:solidFill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</a:rPr>
            <a:t>　県営フェリーとの連絡あり</a:t>
          </a:r>
          <a:endParaRPr kumimoji="1" lang="en-US" altLang="ja-JP" sz="1100">
            <a:solidFill>
              <a:schemeClr val="tx1"/>
            </a:solidFill>
          </a:endParaRPr>
        </a:p>
      </xdr:txBody>
    </xdr:sp>
    <xdr:clientData/>
  </xdr:twoCellAnchor>
  <xdr:twoCellAnchor editAs="oneCell">
    <xdr:from>
      <xdr:col>0</xdr:col>
      <xdr:colOff>108856</xdr:colOff>
      <xdr:row>43</xdr:row>
      <xdr:rowOff>95249</xdr:rowOff>
    </xdr:from>
    <xdr:to>
      <xdr:col>0</xdr:col>
      <xdr:colOff>272476</xdr:colOff>
      <xdr:row>44</xdr:row>
      <xdr:rowOff>55531</xdr:rowOff>
    </xdr:to>
    <xdr:pic>
      <xdr:nvPicPr>
        <xdr:cNvPr id="25" name="図 24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8856" y="12845142"/>
          <a:ext cx="163620" cy="150782"/>
        </a:xfrm>
        <a:prstGeom prst="rect">
          <a:avLst/>
        </a:prstGeom>
      </xdr:spPr>
    </xdr:pic>
    <xdr:clientData/>
  </xdr:twoCellAnchor>
  <xdr:twoCellAnchor editAs="oneCell">
    <xdr:from>
      <xdr:col>0</xdr:col>
      <xdr:colOff>108856</xdr:colOff>
      <xdr:row>44</xdr:row>
      <xdr:rowOff>149680</xdr:rowOff>
    </xdr:from>
    <xdr:to>
      <xdr:col>0</xdr:col>
      <xdr:colOff>254000</xdr:colOff>
      <xdr:row>45</xdr:row>
      <xdr:rowOff>104324</xdr:rowOff>
    </xdr:to>
    <xdr:pic>
      <xdr:nvPicPr>
        <xdr:cNvPr id="26" name="図 25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8856" y="13090073"/>
          <a:ext cx="145144" cy="145144"/>
        </a:xfrm>
        <a:prstGeom prst="rect">
          <a:avLst/>
        </a:prstGeom>
      </xdr:spPr>
    </xdr:pic>
    <xdr:clientData/>
  </xdr:twoCellAnchor>
  <xdr:twoCellAnchor>
    <xdr:from>
      <xdr:col>15</xdr:col>
      <xdr:colOff>27213</xdr:colOff>
      <xdr:row>44</xdr:row>
      <xdr:rowOff>95250</xdr:rowOff>
    </xdr:from>
    <xdr:to>
      <xdr:col>24</xdr:col>
      <xdr:colOff>95250</xdr:colOff>
      <xdr:row>45</xdr:row>
      <xdr:rowOff>163286</xdr:rowOff>
    </xdr:to>
    <xdr:sp macro="" textlink="">
      <xdr:nvSpPr>
        <xdr:cNvPr id="27" name="Rectangle 3"/>
        <xdr:cNvSpPr>
          <a:spLocks noChangeArrowheads="1"/>
        </xdr:cNvSpPr>
      </xdr:nvSpPr>
      <xdr:spPr bwMode="auto">
        <a:xfrm>
          <a:off x="8939892" y="13035643"/>
          <a:ext cx="6327322" cy="25853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CC00" mc:Ignorable="a14" a14:legacySpreadsheetColorIndex="51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※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越ノ潟から堀岡・海老江・本江方面へは県営フェリーと</a:t>
          </a:r>
          <a:r>
            <a:rPr lang="ja-JP" altLang="en-US" sz="11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②新湊・本江線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を利用してください。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413711</xdr:colOff>
      <xdr:row>42</xdr:row>
      <xdr:rowOff>100264</xdr:rowOff>
    </xdr:from>
    <xdr:to>
      <xdr:col>2</xdr:col>
      <xdr:colOff>0</xdr:colOff>
      <xdr:row>44</xdr:row>
      <xdr:rowOff>15041</xdr:rowOff>
    </xdr:to>
    <xdr:sp macro="" textlink="">
      <xdr:nvSpPr>
        <xdr:cNvPr id="2" name="角丸四角形 1"/>
        <xdr:cNvSpPr/>
      </xdr:nvSpPr>
      <xdr:spPr>
        <a:xfrm>
          <a:off x="1699461" y="7815514"/>
          <a:ext cx="262689" cy="276727"/>
        </a:xfrm>
        <a:prstGeom prst="round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900">
              <a:solidFill>
                <a:schemeClr val="tx1"/>
              </a:solidFill>
            </a:rPr>
            <a:t>着</a:t>
          </a:r>
        </a:p>
      </xdr:txBody>
    </xdr:sp>
    <xdr:clientData/>
  </xdr:twoCellAnchor>
  <xdr:twoCellAnchor>
    <xdr:from>
      <xdr:col>15</xdr:col>
      <xdr:colOff>1438776</xdr:colOff>
      <xdr:row>11</xdr:row>
      <xdr:rowOff>100263</xdr:rowOff>
    </xdr:from>
    <xdr:to>
      <xdr:col>16</xdr:col>
      <xdr:colOff>0</xdr:colOff>
      <xdr:row>13</xdr:row>
      <xdr:rowOff>15040</xdr:rowOff>
    </xdr:to>
    <xdr:sp macro="" textlink="">
      <xdr:nvSpPr>
        <xdr:cNvPr id="3" name="角丸四角形 2"/>
        <xdr:cNvSpPr/>
      </xdr:nvSpPr>
      <xdr:spPr>
        <a:xfrm>
          <a:off x="8706351" y="2205288"/>
          <a:ext cx="237624" cy="276727"/>
        </a:xfrm>
        <a:prstGeom prst="round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900">
              <a:solidFill>
                <a:schemeClr val="tx1"/>
              </a:solidFill>
            </a:rPr>
            <a:t>着</a:t>
          </a:r>
        </a:p>
      </xdr:txBody>
    </xdr:sp>
    <xdr:clientData/>
  </xdr:twoCellAnchor>
  <xdr:twoCellAnchor>
    <xdr:from>
      <xdr:col>1</xdr:col>
      <xdr:colOff>1413711</xdr:colOff>
      <xdr:row>43</xdr:row>
      <xdr:rowOff>95249</xdr:rowOff>
    </xdr:from>
    <xdr:to>
      <xdr:col>2</xdr:col>
      <xdr:colOff>0</xdr:colOff>
      <xdr:row>45</xdr:row>
      <xdr:rowOff>10026</xdr:rowOff>
    </xdr:to>
    <xdr:sp macro="" textlink="">
      <xdr:nvSpPr>
        <xdr:cNvPr id="4" name="角丸四角形 3"/>
        <xdr:cNvSpPr/>
      </xdr:nvSpPr>
      <xdr:spPr>
        <a:xfrm>
          <a:off x="1699461" y="7991474"/>
          <a:ext cx="262689" cy="276727"/>
        </a:xfrm>
        <a:prstGeom prst="round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900">
              <a:solidFill>
                <a:schemeClr val="tx1"/>
              </a:solidFill>
            </a:rPr>
            <a:t>発</a:t>
          </a:r>
        </a:p>
      </xdr:txBody>
    </xdr:sp>
    <xdr:clientData/>
  </xdr:twoCellAnchor>
  <xdr:twoCellAnchor>
    <xdr:from>
      <xdr:col>15</xdr:col>
      <xdr:colOff>1438775</xdr:colOff>
      <xdr:row>12</xdr:row>
      <xdr:rowOff>95250</xdr:rowOff>
    </xdr:from>
    <xdr:to>
      <xdr:col>16</xdr:col>
      <xdr:colOff>0</xdr:colOff>
      <xdr:row>14</xdr:row>
      <xdr:rowOff>10027</xdr:rowOff>
    </xdr:to>
    <xdr:sp macro="" textlink="">
      <xdr:nvSpPr>
        <xdr:cNvPr id="5" name="角丸四角形 4"/>
        <xdr:cNvSpPr/>
      </xdr:nvSpPr>
      <xdr:spPr>
        <a:xfrm>
          <a:off x="8706350" y="2381250"/>
          <a:ext cx="237625" cy="276727"/>
        </a:xfrm>
        <a:prstGeom prst="round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900">
              <a:solidFill>
                <a:schemeClr val="tx1"/>
              </a:solidFill>
            </a:rPr>
            <a:t>発</a:t>
          </a:r>
        </a:p>
      </xdr:txBody>
    </xdr:sp>
    <xdr:clientData/>
  </xdr:twoCellAnchor>
  <xdr:twoCellAnchor>
    <xdr:from>
      <xdr:col>14</xdr:col>
      <xdr:colOff>13607</xdr:colOff>
      <xdr:row>49</xdr:row>
      <xdr:rowOff>161342</xdr:rowOff>
    </xdr:from>
    <xdr:to>
      <xdr:col>24</xdr:col>
      <xdr:colOff>345281</xdr:colOff>
      <xdr:row>58</xdr:row>
      <xdr:rowOff>142874</xdr:rowOff>
    </xdr:to>
    <xdr:grpSp>
      <xdr:nvGrpSpPr>
        <xdr:cNvPr id="6" name="グループ化 5"/>
        <xdr:cNvGrpSpPr/>
      </xdr:nvGrpSpPr>
      <xdr:grpSpPr>
        <a:xfrm>
          <a:off x="7026388" y="9031498"/>
          <a:ext cx="5820456" cy="1588876"/>
          <a:chOff x="6982408" y="9317004"/>
          <a:chExt cx="5782901" cy="1642911"/>
        </a:xfrm>
      </xdr:grpSpPr>
      <xdr:sp macro="" textlink="">
        <xdr:nvSpPr>
          <xdr:cNvPr id="7" name="正方形/長方形 6"/>
          <xdr:cNvSpPr/>
        </xdr:nvSpPr>
        <xdr:spPr>
          <a:xfrm>
            <a:off x="6982408" y="9317004"/>
            <a:ext cx="5782901" cy="1642911"/>
          </a:xfrm>
          <a:prstGeom prst="rect">
            <a:avLst/>
          </a:prstGeom>
          <a:solidFill>
            <a:schemeClr val="bg1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1100"/>
              <a:t>　　              </a:t>
            </a:r>
            <a:r>
              <a:rPr kumimoji="1" lang="ja-JP" altLang="en-US" sz="1100">
                <a:solidFill>
                  <a:schemeClr val="tx1"/>
                </a:solidFill>
              </a:rPr>
              <a:t>表示の便は、土・日・祝日は運行しません。</a:t>
            </a:r>
            <a:endParaRPr kumimoji="1" lang="en-US" altLang="ja-JP" sz="1100">
              <a:solidFill>
                <a:schemeClr val="tx1"/>
              </a:solidFill>
            </a:endParaRPr>
          </a:p>
          <a:p>
            <a:pPr algn="l"/>
            <a:r>
              <a:rPr kumimoji="1" lang="en-US" altLang="ja-JP" sz="1100">
                <a:solidFill>
                  <a:schemeClr val="tx1"/>
                </a:solidFill>
              </a:rPr>
              <a:t>                       </a:t>
            </a:r>
          </a:p>
          <a:p>
            <a:pPr algn="l"/>
            <a:r>
              <a:rPr kumimoji="1" lang="ja-JP" altLang="en-US" sz="1100">
                <a:solidFill>
                  <a:schemeClr val="tx1"/>
                </a:solidFill>
              </a:rPr>
              <a:t>注）本江道番は毎時</a:t>
            </a:r>
            <a:r>
              <a:rPr kumimoji="1" lang="en-US" altLang="ja-JP" sz="1100">
                <a:solidFill>
                  <a:schemeClr val="tx1"/>
                </a:solidFill>
              </a:rPr>
              <a:t>44</a:t>
            </a:r>
            <a:r>
              <a:rPr kumimoji="1" lang="ja-JP" altLang="en-US" sz="1100">
                <a:solidFill>
                  <a:schemeClr val="tx1"/>
                </a:solidFill>
              </a:rPr>
              <a:t>分発（</a:t>
            </a:r>
            <a:r>
              <a:rPr kumimoji="1" lang="en-US" altLang="ja-JP" sz="1100">
                <a:solidFill>
                  <a:schemeClr val="tx1"/>
                </a:solidFill>
              </a:rPr>
              <a:t>7</a:t>
            </a:r>
            <a:r>
              <a:rPr kumimoji="1" lang="ja-JP" altLang="en-US" sz="1100">
                <a:solidFill>
                  <a:schemeClr val="tx1"/>
                </a:solidFill>
              </a:rPr>
              <a:t>時台のみ</a:t>
            </a:r>
            <a:r>
              <a:rPr kumimoji="1" lang="en-US" altLang="ja-JP" sz="1100">
                <a:solidFill>
                  <a:schemeClr val="tx1"/>
                </a:solidFill>
              </a:rPr>
              <a:t>26</a:t>
            </a:r>
            <a:r>
              <a:rPr kumimoji="1" lang="ja-JP" altLang="en-US" sz="1100">
                <a:solidFill>
                  <a:schemeClr val="tx1"/>
                </a:solidFill>
              </a:rPr>
              <a:t>分発）です。ご利用の際は、発射時刻</a:t>
            </a:r>
            <a:r>
              <a:rPr kumimoji="1" lang="en-US" altLang="ja-JP" sz="1100">
                <a:solidFill>
                  <a:schemeClr val="tx1"/>
                </a:solidFill>
              </a:rPr>
              <a:t>30</a:t>
            </a:r>
            <a:r>
              <a:rPr kumimoji="1" lang="ja-JP" altLang="en-US" sz="1100">
                <a:solidFill>
                  <a:schemeClr val="tx1"/>
                </a:solidFill>
              </a:rPr>
              <a:t>　</a:t>
            </a:r>
            <a:endParaRPr kumimoji="1" lang="en-US" altLang="ja-JP" sz="1100">
              <a:solidFill>
                <a:schemeClr val="tx1"/>
              </a:solidFill>
            </a:endParaRPr>
          </a:p>
          <a:p>
            <a:pPr algn="l"/>
            <a:r>
              <a:rPr kumimoji="1" lang="ja-JP" altLang="en-US" sz="1100">
                <a:solidFill>
                  <a:schemeClr val="tx1"/>
                </a:solidFill>
              </a:rPr>
              <a:t>　　分前までに下記までご連絡ください。</a:t>
            </a:r>
            <a:endParaRPr kumimoji="1" lang="en-US" altLang="ja-JP" sz="1100">
              <a:solidFill>
                <a:schemeClr val="tx1"/>
              </a:solidFill>
            </a:endParaRPr>
          </a:p>
          <a:p>
            <a:pPr algn="l"/>
            <a:r>
              <a:rPr kumimoji="1" lang="ja-JP" altLang="en-US" sz="1100">
                <a:solidFill>
                  <a:schemeClr val="tx1"/>
                </a:solidFill>
              </a:rPr>
              <a:t>　　海王交通㈱☎</a:t>
            </a:r>
            <a:r>
              <a:rPr kumimoji="1" lang="en-US" altLang="ja-JP" sz="1100">
                <a:solidFill>
                  <a:schemeClr val="tx1"/>
                </a:solidFill>
              </a:rPr>
              <a:t>0766-82-6226</a:t>
            </a:r>
          </a:p>
          <a:p>
            <a:pPr algn="l"/>
            <a:endParaRPr kumimoji="1" lang="en-US" altLang="ja-JP" sz="1100">
              <a:solidFill>
                <a:schemeClr val="tx1"/>
              </a:solidFill>
            </a:endParaRPr>
          </a:p>
        </xdr:txBody>
      </xdr:sp>
      <xdr:sp macro="" textlink="">
        <xdr:nvSpPr>
          <xdr:cNvPr id="8" name="正方形/長方形 7"/>
          <xdr:cNvSpPr/>
        </xdr:nvSpPr>
        <xdr:spPr>
          <a:xfrm>
            <a:off x="7021948" y="9359769"/>
            <a:ext cx="690076" cy="204107"/>
          </a:xfrm>
          <a:prstGeom prst="rect">
            <a:avLst/>
          </a:prstGeom>
          <a:solidFill>
            <a:srgbClr val="FFFF71"/>
          </a:solidFill>
          <a:ln>
            <a:solidFill>
              <a:schemeClr val="tx1"/>
            </a:solidFill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</xdr:grpSp>
    <xdr:clientData/>
  </xdr:twoCellAnchor>
  <xdr:twoCellAnchor editAs="oneCell">
    <xdr:from>
      <xdr:col>1</xdr:col>
      <xdr:colOff>1518047</xdr:colOff>
      <xdr:row>49</xdr:row>
      <xdr:rowOff>17859</xdr:rowOff>
    </xdr:from>
    <xdr:to>
      <xdr:col>1</xdr:col>
      <xdr:colOff>1672142</xdr:colOff>
      <xdr:row>49</xdr:row>
      <xdr:rowOff>168641</xdr:rowOff>
    </xdr:to>
    <xdr:pic>
      <xdr:nvPicPr>
        <xdr:cNvPr id="9" name="図 8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803797" y="8999934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</xdr:col>
      <xdr:colOff>1518047</xdr:colOff>
      <xdr:row>53</xdr:row>
      <xdr:rowOff>11906</xdr:rowOff>
    </xdr:from>
    <xdr:to>
      <xdr:col>1</xdr:col>
      <xdr:colOff>1672142</xdr:colOff>
      <xdr:row>53</xdr:row>
      <xdr:rowOff>162688</xdr:rowOff>
    </xdr:to>
    <xdr:pic>
      <xdr:nvPicPr>
        <xdr:cNvPr id="10" name="図 9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803797" y="9717881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5</xdr:col>
      <xdr:colOff>1512093</xdr:colOff>
      <xdr:row>3</xdr:row>
      <xdr:rowOff>17860</xdr:rowOff>
    </xdr:from>
    <xdr:to>
      <xdr:col>15</xdr:col>
      <xdr:colOff>1666188</xdr:colOff>
      <xdr:row>3</xdr:row>
      <xdr:rowOff>168642</xdr:rowOff>
    </xdr:to>
    <xdr:pic>
      <xdr:nvPicPr>
        <xdr:cNvPr id="11" name="図 10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779668" y="675085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5</xdr:col>
      <xdr:colOff>1512093</xdr:colOff>
      <xdr:row>7</xdr:row>
      <xdr:rowOff>17859</xdr:rowOff>
    </xdr:from>
    <xdr:to>
      <xdr:col>15</xdr:col>
      <xdr:colOff>1666188</xdr:colOff>
      <xdr:row>7</xdr:row>
      <xdr:rowOff>168641</xdr:rowOff>
    </xdr:to>
    <xdr:pic>
      <xdr:nvPicPr>
        <xdr:cNvPr id="12" name="図 11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779668" y="1398984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</xdr:col>
      <xdr:colOff>1524000</xdr:colOff>
      <xdr:row>25</xdr:row>
      <xdr:rowOff>23813</xdr:rowOff>
    </xdr:from>
    <xdr:to>
      <xdr:col>1</xdr:col>
      <xdr:colOff>1669144</xdr:colOff>
      <xdr:row>25</xdr:row>
      <xdr:rowOff>168957</xdr:rowOff>
    </xdr:to>
    <xdr:pic>
      <xdr:nvPicPr>
        <xdr:cNvPr id="13" name="図 12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809750" y="4662488"/>
          <a:ext cx="145144" cy="145144"/>
        </a:xfrm>
        <a:prstGeom prst="rect">
          <a:avLst/>
        </a:prstGeom>
      </xdr:spPr>
    </xdr:pic>
    <xdr:clientData/>
  </xdr:twoCellAnchor>
  <xdr:twoCellAnchor editAs="oneCell">
    <xdr:from>
      <xdr:col>15</xdr:col>
      <xdr:colOff>1512093</xdr:colOff>
      <xdr:row>31</xdr:row>
      <xdr:rowOff>17859</xdr:rowOff>
    </xdr:from>
    <xdr:to>
      <xdr:col>15</xdr:col>
      <xdr:colOff>1657237</xdr:colOff>
      <xdr:row>31</xdr:row>
      <xdr:rowOff>163003</xdr:rowOff>
    </xdr:to>
    <xdr:pic>
      <xdr:nvPicPr>
        <xdr:cNvPr id="14" name="図 13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779668" y="5742384"/>
          <a:ext cx="145144" cy="145144"/>
        </a:xfrm>
        <a:prstGeom prst="rect">
          <a:avLst/>
        </a:prstGeom>
      </xdr:spPr>
    </xdr:pic>
    <xdr:clientData/>
  </xdr:twoCellAnchor>
  <xdr:twoCellAnchor>
    <xdr:from>
      <xdr:col>24</xdr:col>
      <xdr:colOff>333360</xdr:colOff>
      <xdr:row>50</xdr:row>
      <xdr:rowOff>4628</xdr:rowOff>
    </xdr:from>
    <xdr:to>
      <xdr:col>27</xdr:col>
      <xdr:colOff>547680</xdr:colOff>
      <xdr:row>56</xdr:row>
      <xdr:rowOff>35718</xdr:rowOff>
    </xdr:to>
    <xdr:grpSp>
      <xdr:nvGrpSpPr>
        <xdr:cNvPr id="15" name="グループ化 14"/>
        <xdr:cNvGrpSpPr/>
      </xdr:nvGrpSpPr>
      <xdr:grpSpPr>
        <a:xfrm>
          <a:off x="12834923" y="9053378"/>
          <a:ext cx="1535913" cy="1102653"/>
          <a:chOff x="13263560" y="9041472"/>
          <a:chExt cx="1502565" cy="1221721"/>
        </a:xfrm>
      </xdr:grpSpPr>
      <xdr:sp macro="" textlink="">
        <xdr:nvSpPr>
          <xdr:cNvPr id="16" name="正方形/長方形 15"/>
          <xdr:cNvSpPr/>
        </xdr:nvSpPr>
        <xdr:spPr>
          <a:xfrm>
            <a:off x="13263560" y="9041472"/>
            <a:ext cx="1502565" cy="1221721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wrap="square" tIns="0" bIns="0" rtlCol="0" anchor="t">
            <a:noAutofit/>
          </a:bodyPr>
          <a:lstStyle/>
          <a:p>
            <a:pPr algn="l"/>
            <a:r>
              <a:rPr kumimoji="1" lang="ja-JP" altLang="en-US" sz="1100">
                <a:solidFill>
                  <a:schemeClr val="tx1"/>
                </a:solidFill>
              </a:rPr>
              <a:t>　　万葉線との</a:t>
            </a:r>
            <a:endParaRPr kumimoji="1" lang="en-US" altLang="ja-JP" sz="1100">
              <a:solidFill>
                <a:schemeClr val="tx1"/>
              </a:solidFill>
            </a:endParaRPr>
          </a:p>
          <a:p>
            <a:pPr algn="l"/>
            <a:r>
              <a:rPr kumimoji="1" lang="ja-JP" altLang="en-US" sz="1100">
                <a:solidFill>
                  <a:schemeClr val="tx1"/>
                </a:solidFill>
              </a:rPr>
              <a:t>　　連絡あり</a:t>
            </a:r>
            <a:endParaRPr kumimoji="1" lang="en-US" altLang="ja-JP" sz="1100">
              <a:solidFill>
                <a:schemeClr val="tx1"/>
              </a:solidFill>
            </a:endParaRPr>
          </a:p>
          <a:p>
            <a:pPr algn="l"/>
            <a:r>
              <a:rPr kumimoji="1" lang="ja-JP" altLang="en-US" sz="1100">
                <a:solidFill>
                  <a:schemeClr val="tx1"/>
                </a:solidFill>
              </a:rPr>
              <a:t>　　県営フェリー</a:t>
            </a:r>
            <a:endParaRPr kumimoji="1" lang="en-US" altLang="ja-JP" sz="1100">
              <a:solidFill>
                <a:schemeClr val="tx1"/>
              </a:solidFill>
            </a:endParaRPr>
          </a:p>
          <a:p>
            <a:pPr algn="l"/>
            <a:r>
              <a:rPr kumimoji="1" lang="ja-JP" altLang="en-US" sz="1100">
                <a:solidFill>
                  <a:schemeClr val="tx1"/>
                </a:solidFill>
              </a:rPr>
              <a:t>　　との連絡あり</a:t>
            </a:r>
            <a:endParaRPr kumimoji="1" lang="en-US" altLang="ja-JP" sz="1100">
              <a:solidFill>
                <a:schemeClr val="tx1"/>
              </a:solidFill>
            </a:endParaRPr>
          </a:p>
        </xdr:txBody>
      </xdr:sp>
      <xdr:pic>
        <xdr:nvPicPr>
          <xdr:cNvPr id="17" name="図 16"/>
          <xdr:cNvPicPr>
            <a:picLocks noChangeAspect="1"/>
          </xdr:cNvPicPr>
        </xdr:nvPicPr>
        <xdr:blipFill>
          <a:blip xmlns:r="http://schemas.openxmlformats.org/officeDocument/2006/relationships"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3436202" y="9608527"/>
            <a:ext cx="145144" cy="145144"/>
          </a:xfrm>
          <a:prstGeom prst="rect">
            <a:avLst/>
          </a:prstGeom>
        </xdr:spPr>
      </xdr:pic>
      <xdr:pic>
        <xdr:nvPicPr>
          <xdr:cNvPr id="18" name="図 17"/>
          <xdr:cNvPicPr>
            <a:picLocks noChangeAspect="1"/>
          </xdr:cNvPicPr>
        </xdr:nvPicPr>
        <xdr:blipFill>
          <a:blip xmlns:r="http://schemas.openxmlformats.org/officeDocument/2006/relationships" r:embed="rId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xdr:blipFill>
        <xdr:spPr>
          <a:xfrm>
            <a:off x="13412389" y="9084181"/>
            <a:ext cx="154095" cy="150782"/>
          </a:xfrm>
          <a:prstGeom prst="rect">
            <a:avLst/>
          </a:prstGeom>
        </xdr:spPr>
      </xdr:pic>
    </xdr:grp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50</xdr:row>
      <xdr:rowOff>0</xdr:rowOff>
    </xdr:from>
    <xdr:to>
      <xdr:col>7</xdr:col>
      <xdr:colOff>76200</xdr:colOff>
      <xdr:row>51</xdr:row>
      <xdr:rowOff>38100</xdr:rowOff>
    </xdr:to>
    <xdr:grpSp>
      <xdr:nvGrpSpPr>
        <xdr:cNvPr id="2" name="Group 22"/>
        <xdr:cNvGrpSpPr>
          <a:grpSpLocks/>
        </xdr:cNvGrpSpPr>
      </xdr:nvGrpSpPr>
      <xdr:grpSpPr bwMode="auto">
        <a:xfrm>
          <a:off x="317500" y="11858625"/>
          <a:ext cx="4552950" cy="212725"/>
          <a:chOff x="29" y="1539"/>
          <a:chExt cx="381" cy="22"/>
        </a:xfrm>
      </xdr:grpSpPr>
      <xdr:sp macro="" textlink="">
        <xdr:nvSpPr>
          <xdr:cNvPr id="3" name="Rectangle 23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xmlns:mc="http://schemas.openxmlformats.org/markup-compatibility/2006" xmlns:a14="http://schemas.microsoft.com/office/drawing/2010/main" val="FFFF99" mc:Ignorable="a14" a14:legacySpreadsheetColorIndex="43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4" name="Rectangle 24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土・日・祝日は運行しません。</a:t>
            </a:r>
          </a:p>
        </xdr:txBody>
      </xdr:sp>
    </xdr:grpSp>
    <xdr:clientData/>
  </xdr:twoCellAnchor>
  <xdr:twoCellAnchor>
    <xdr:from>
      <xdr:col>6</xdr:col>
      <xdr:colOff>19802</xdr:colOff>
      <xdr:row>49</xdr:row>
      <xdr:rowOff>114300</xdr:rowOff>
    </xdr:from>
    <xdr:to>
      <xdr:col>8</xdr:col>
      <xdr:colOff>400050</xdr:colOff>
      <xdr:row>51</xdr:row>
      <xdr:rowOff>61913</xdr:rowOff>
    </xdr:to>
    <xdr:grpSp>
      <xdr:nvGrpSpPr>
        <xdr:cNvPr id="5" name="グループ化 4"/>
        <xdr:cNvGrpSpPr/>
      </xdr:nvGrpSpPr>
      <xdr:grpSpPr>
        <a:xfrm>
          <a:off x="4163177" y="11798300"/>
          <a:ext cx="1681998" cy="296863"/>
          <a:chOff x="4591050" y="12115800"/>
          <a:chExt cx="1708619" cy="290513"/>
        </a:xfrm>
      </xdr:grpSpPr>
      <xdr:sp macro="" textlink="">
        <xdr:nvSpPr>
          <xdr:cNvPr id="6" name="正方形/長方形 5"/>
          <xdr:cNvSpPr/>
        </xdr:nvSpPr>
        <xdr:spPr>
          <a:xfrm>
            <a:off x="4599895" y="12139613"/>
            <a:ext cx="1699774" cy="2667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wrap="square" tIns="0" bIns="0" rtlCol="0" anchor="ctr">
            <a:noAutofit/>
          </a:bodyPr>
          <a:lstStyle/>
          <a:p>
            <a:pPr algn="l"/>
            <a:r>
              <a:rPr kumimoji="1" lang="ja-JP" altLang="en-US" sz="1100">
                <a:solidFill>
                  <a:schemeClr val="tx1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　　万葉線との連絡あり</a:t>
            </a:r>
            <a:endParaRPr kumimoji="1" lang="en-US" altLang="ja-JP" sz="1100">
              <a:solidFill>
                <a:schemeClr val="tx1"/>
              </a:solidFill>
              <a:latin typeface="ＭＳ Ｐゴシック" panose="020B0600070205080204" pitchFamily="50" charset="-128"/>
              <a:ea typeface="ＭＳ Ｐゴシック" panose="020B0600070205080204" pitchFamily="50" charset="-128"/>
            </a:endParaRPr>
          </a:p>
        </xdr:txBody>
      </xdr:sp>
      <xdr:grpSp>
        <xdr:nvGrpSpPr>
          <xdr:cNvPr id="7" name="グループ化 6"/>
          <xdr:cNvGrpSpPr/>
        </xdr:nvGrpSpPr>
        <xdr:grpSpPr>
          <a:xfrm>
            <a:off x="4591050" y="12115800"/>
            <a:ext cx="254955" cy="283142"/>
            <a:chOff x="8650920" y="453691"/>
            <a:chExt cx="254955" cy="282170"/>
          </a:xfrm>
        </xdr:grpSpPr>
        <xdr:sp macro="" textlink="">
          <xdr:nvSpPr>
            <xdr:cNvPr id="8" name="角丸四角形 7"/>
            <xdr:cNvSpPr/>
          </xdr:nvSpPr>
          <xdr:spPr>
            <a:xfrm>
              <a:off x="8741157" y="537123"/>
              <a:ext cx="147386" cy="148389"/>
            </a:xfrm>
            <a:prstGeom prst="roundRect">
              <a:avLst/>
            </a:prstGeom>
            <a:solidFill>
              <a:srgbClr val="FF0000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kumimoji="1" lang="ja-JP" altLang="en-US" sz="1100"/>
            </a:p>
          </xdr:txBody>
        </xdr:sp>
        <xdr:sp macro="" textlink="">
          <xdr:nvSpPr>
            <xdr:cNvPr id="9" name="角丸四角形 8"/>
            <xdr:cNvSpPr/>
          </xdr:nvSpPr>
          <xdr:spPr>
            <a:xfrm>
              <a:off x="8650920" y="453691"/>
              <a:ext cx="254955" cy="282170"/>
            </a:xfrm>
            <a:prstGeom prst="roundRect">
              <a:avLst/>
            </a:prstGeom>
            <a:noFill/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r>
                <a:rPr kumimoji="1" lang="ja-JP" altLang="en-US" sz="900"/>
                <a:t>万</a:t>
              </a:r>
            </a:p>
          </xdr:txBody>
        </xdr:sp>
      </xdr:grpSp>
    </xdr:grpSp>
    <xdr:clientData/>
  </xdr:twoCellAnchor>
  <xdr:twoCellAnchor>
    <xdr:from>
      <xdr:col>1</xdr:col>
      <xdr:colOff>1606550</xdr:colOff>
      <xdr:row>40</xdr:row>
      <xdr:rowOff>215900</xdr:rowOff>
    </xdr:from>
    <xdr:to>
      <xdr:col>1</xdr:col>
      <xdr:colOff>1861505</xdr:colOff>
      <xdr:row>42</xdr:row>
      <xdr:rowOff>16442</xdr:rowOff>
    </xdr:to>
    <xdr:grpSp>
      <xdr:nvGrpSpPr>
        <xdr:cNvPr id="10" name="グループ化 9"/>
        <xdr:cNvGrpSpPr/>
      </xdr:nvGrpSpPr>
      <xdr:grpSpPr>
        <a:xfrm>
          <a:off x="1924050" y="9756775"/>
          <a:ext cx="254955" cy="276792"/>
          <a:chOff x="8650920" y="453691"/>
          <a:chExt cx="254955" cy="282170"/>
        </a:xfrm>
      </xdr:grpSpPr>
      <xdr:sp macro="" textlink="">
        <xdr:nvSpPr>
          <xdr:cNvPr id="11" name="角丸四角形 10"/>
          <xdr:cNvSpPr/>
        </xdr:nvSpPr>
        <xdr:spPr>
          <a:xfrm>
            <a:off x="8741157" y="537123"/>
            <a:ext cx="147386" cy="148389"/>
          </a:xfrm>
          <a:prstGeom prst="roundRect">
            <a:avLst/>
          </a:prstGeom>
          <a:solidFill>
            <a:srgbClr val="FF000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2" name="角丸四角形 11"/>
          <xdr:cNvSpPr/>
        </xdr:nvSpPr>
        <xdr:spPr>
          <a:xfrm>
            <a:off x="8650920" y="453691"/>
            <a:ext cx="254955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万</a:t>
            </a:r>
          </a:p>
        </xdr:txBody>
      </xdr:sp>
    </xdr:grpSp>
    <xdr:clientData/>
  </xdr:twoCellAnchor>
  <xdr:twoCellAnchor>
    <xdr:from>
      <xdr:col>1</xdr:col>
      <xdr:colOff>1608931</xdr:colOff>
      <xdr:row>46</xdr:row>
      <xdr:rowOff>209550</xdr:rowOff>
    </xdr:from>
    <xdr:to>
      <xdr:col>1</xdr:col>
      <xdr:colOff>1863886</xdr:colOff>
      <xdr:row>48</xdr:row>
      <xdr:rowOff>10092</xdr:rowOff>
    </xdr:to>
    <xdr:grpSp>
      <xdr:nvGrpSpPr>
        <xdr:cNvPr id="13" name="グループ化 12"/>
        <xdr:cNvGrpSpPr/>
      </xdr:nvGrpSpPr>
      <xdr:grpSpPr>
        <a:xfrm>
          <a:off x="1926431" y="11179175"/>
          <a:ext cx="254955" cy="276792"/>
          <a:chOff x="8650920" y="453691"/>
          <a:chExt cx="254955" cy="282170"/>
        </a:xfrm>
      </xdr:grpSpPr>
      <xdr:sp macro="" textlink="">
        <xdr:nvSpPr>
          <xdr:cNvPr id="14" name="角丸四角形 13"/>
          <xdr:cNvSpPr/>
        </xdr:nvSpPr>
        <xdr:spPr>
          <a:xfrm>
            <a:off x="8741157" y="537123"/>
            <a:ext cx="147386" cy="148389"/>
          </a:xfrm>
          <a:prstGeom prst="roundRect">
            <a:avLst/>
          </a:prstGeom>
          <a:solidFill>
            <a:srgbClr val="FF000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5" name="角丸四角形 14"/>
          <xdr:cNvSpPr/>
        </xdr:nvSpPr>
        <xdr:spPr>
          <a:xfrm>
            <a:off x="8650920" y="453691"/>
            <a:ext cx="254955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万</a:t>
            </a:r>
          </a:p>
        </xdr:txBody>
      </xdr:sp>
    </xdr:grpSp>
    <xdr:clientData/>
  </xdr:twoCellAnchor>
  <xdr:twoCellAnchor>
    <xdr:from>
      <xdr:col>1</xdr:col>
      <xdr:colOff>1606550</xdr:colOff>
      <xdr:row>47</xdr:row>
      <xdr:rowOff>218281</xdr:rowOff>
    </xdr:from>
    <xdr:to>
      <xdr:col>1</xdr:col>
      <xdr:colOff>1861505</xdr:colOff>
      <xdr:row>49</xdr:row>
      <xdr:rowOff>18823</xdr:rowOff>
    </xdr:to>
    <xdr:grpSp>
      <xdr:nvGrpSpPr>
        <xdr:cNvPr id="16" name="グループ化 15"/>
        <xdr:cNvGrpSpPr/>
      </xdr:nvGrpSpPr>
      <xdr:grpSpPr>
        <a:xfrm>
          <a:off x="1924050" y="11426031"/>
          <a:ext cx="254955" cy="276792"/>
          <a:chOff x="8650920" y="453691"/>
          <a:chExt cx="254955" cy="282170"/>
        </a:xfrm>
      </xdr:grpSpPr>
      <xdr:sp macro="" textlink="">
        <xdr:nvSpPr>
          <xdr:cNvPr id="17" name="角丸四角形 16"/>
          <xdr:cNvSpPr/>
        </xdr:nvSpPr>
        <xdr:spPr>
          <a:xfrm>
            <a:off x="8741157" y="537123"/>
            <a:ext cx="147386" cy="148389"/>
          </a:xfrm>
          <a:prstGeom prst="roundRect">
            <a:avLst/>
          </a:prstGeom>
          <a:solidFill>
            <a:srgbClr val="FF000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8" name="角丸四角形 17"/>
          <xdr:cNvSpPr/>
        </xdr:nvSpPr>
        <xdr:spPr>
          <a:xfrm>
            <a:off x="8650920" y="453691"/>
            <a:ext cx="254955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万</a:t>
            </a:r>
          </a:p>
        </xdr:txBody>
      </xdr:sp>
    </xdr:grpSp>
    <xdr:clientData/>
  </xdr:twoCellAnchor>
  <xdr:twoCellAnchor>
    <xdr:from>
      <xdr:col>15</xdr:col>
      <xdr:colOff>1612900</xdr:colOff>
      <xdr:row>2</xdr:row>
      <xdr:rowOff>215900</xdr:rowOff>
    </xdr:from>
    <xdr:to>
      <xdr:col>15</xdr:col>
      <xdr:colOff>1867855</xdr:colOff>
      <xdr:row>4</xdr:row>
      <xdr:rowOff>16442</xdr:rowOff>
    </xdr:to>
    <xdr:grpSp>
      <xdr:nvGrpSpPr>
        <xdr:cNvPr id="19" name="グループ化 18"/>
        <xdr:cNvGrpSpPr/>
      </xdr:nvGrpSpPr>
      <xdr:grpSpPr>
        <a:xfrm>
          <a:off x="10899775" y="708025"/>
          <a:ext cx="254955" cy="276792"/>
          <a:chOff x="8650920" y="453691"/>
          <a:chExt cx="254955" cy="282170"/>
        </a:xfrm>
      </xdr:grpSpPr>
      <xdr:sp macro="" textlink="">
        <xdr:nvSpPr>
          <xdr:cNvPr id="20" name="角丸四角形 19"/>
          <xdr:cNvSpPr/>
        </xdr:nvSpPr>
        <xdr:spPr>
          <a:xfrm>
            <a:off x="8741157" y="537123"/>
            <a:ext cx="147386" cy="148389"/>
          </a:xfrm>
          <a:prstGeom prst="roundRect">
            <a:avLst/>
          </a:prstGeom>
          <a:solidFill>
            <a:srgbClr val="FF000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1" name="角丸四角形 20"/>
          <xdr:cNvSpPr/>
        </xdr:nvSpPr>
        <xdr:spPr>
          <a:xfrm>
            <a:off x="8650920" y="453691"/>
            <a:ext cx="254955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万</a:t>
            </a:r>
          </a:p>
        </xdr:txBody>
      </xdr:sp>
    </xdr:grpSp>
    <xdr:clientData/>
  </xdr:twoCellAnchor>
  <xdr:twoCellAnchor>
    <xdr:from>
      <xdr:col>15</xdr:col>
      <xdr:colOff>1612900</xdr:colOff>
      <xdr:row>3</xdr:row>
      <xdr:rowOff>209550</xdr:rowOff>
    </xdr:from>
    <xdr:to>
      <xdr:col>15</xdr:col>
      <xdr:colOff>1867855</xdr:colOff>
      <xdr:row>5</xdr:row>
      <xdr:rowOff>10092</xdr:rowOff>
    </xdr:to>
    <xdr:grpSp>
      <xdr:nvGrpSpPr>
        <xdr:cNvPr id="22" name="グループ化 21"/>
        <xdr:cNvGrpSpPr/>
      </xdr:nvGrpSpPr>
      <xdr:grpSpPr>
        <a:xfrm>
          <a:off x="10899775" y="939800"/>
          <a:ext cx="254955" cy="276792"/>
          <a:chOff x="8650920" y="453691"/>
          <a:chExt cx="254955" cy="282170"/>
        </a:xfrm>
      </xdr:grpSpPr>
      <xdr:sp macro="" textlink="">
        <xdr:nvSpPr>
          <xdr:cNvPr id="23" name="角丸四角形 22"/>
          <xdr:cNvSpPr/>
        </xdr:nvSpPr>
        <xdr:spPr>
          <a:xfrm>
            <a:off x="8741157" y="537123"/>
            <a:ext cx="147386" cy="148389"/>
          </a:xfrm>
          <a:prstGeom prst="roundRect">
            <a:avLst/>
          </a:prstGeom>
          <a:solidFill>
            <a:srgbClr val="FF000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4" name="角丸四角形 23"/>
          <xdr:cNvSpPr/>
        </xdr:nvSpPr>
        <xdr:spPr>
          <a:xfrm>
            <a:off x="8650920" y="453691"/>
            <a:ext cx="254955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万</a:t>
            </a:r>
          </a:p>
        </xdr:txBody>
      </xdr:sp>
    </xdr:grpSp>
    <xdr:clientData/>
  </xdr:twoCellAnchor>
  <xdr:twoCellAnchor>
    <xdr:from>
      <xdr:col>15</xdr:col>
      <xdr:colOff>1606550</xdr:colOff>
      <xdr:row>9</xdr:row>
      <xdr:rowOff>222250</xdr:rowOff>
    </xdr:from>
    <xdr:to>
      <xdr:col>15</xdr:col>
      <xdr:colOff>1861505</xdr:colOff>
      <xdr:row>11</xdr:row>
      <xdr:rowOff>22792</xdr:rowOff>
    </xdr:to>
    <xdr:grpSp>
      <xdr:nvGrpSpPr>
        <xdr:cNvPr id="25" name="グループ化 24"/>
        <xdr:cNvGrpSpPr/>
      </xdr:nvGrpSpPr>
      <xdr:grpSpPr>
        <a:xfrm>
          <a:off x="10893425" y="2381250"/>
          <a:ext cx="254955" cy="276792"/>
          <a:chOff x="8650920" y="453691"/>
          <a:chExt cx="254955" cy="282170"/>
        </a:xfrm>
      </xdr:grpSpPr>
      <xdr:sp macro="" textlink="">
        <xdr:nvSpPr>
          <xdr:cNvPr id="26" name="角丸四角形 25"/>
          <xdr:cNvSpPr/>
        </xdr:nvSpPr>
        <xdr:spPr>
          <a:xfrm>
            <a:off x="8741157" y="537123"/>
            <a:ext cx="147386" cy="148389"/>
          </a:xfrm>
          <a:prstGeom prst="roundRect">
            <a:avLst/>
          </a:prstGeom>
          <a:solidFill>
            <a:srgbClr val="FF0000"/>
          </a:solidFill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7" name="角丸四角形 26"/>
          <xdr:cNvSpPr/>
        </xdr:nvSpPr>
        <xdr:spPr>
          <a:xfrm>
            <a:off x="8650920" y="453691"/>
            <a:ext cx="254955" cy="282170"/>
          </a:xfrm>
          <a:prstGeom prst="round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900"/>
              <a:t>万</a:t>
            </a:r>
          </a:p>
        </xdr:txBody>
      </xdr:sp>
    </xdr:grpSp>
    <xdr:clientData/>
  </xdr:twoCellAnchor>
  <xdr:twoCellAnchor editAs="oneCell">
    <xdr:from>
      <xdr:col>1</xdr:col>
      <xdr:colOff>1695450</xdr:colOff>
      <xdr:row>41</xdr:row>
      <xdr:rowOff>38100</xdr:rowOff>
    </xdr:from>
    <xdr:to>
      <xdr:col>1</xdr:col>
      <xdr:colOff>1867968</xdr:colOff>
      <xdr:row>41</xdr:row>
      <xdr:rowOff>209550</xdr:rowOff>
    </xdr:to>
    <xdr:pic>
      <xdr:nvPicPr>
        <xdr:cNvPr id="28" name="図 27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009775" y="9991725"/>
          <a:ext cx="172518" cy="171450"/>
        </a:xfrm>
        <a:prstGeom prst="rect">
          <a:avLst/>
        </a:prstGeom>
      </xdr:spPr>
    </xdr:pic>
    <xdr:clientData/>
  </xdr:twoCellAnchor>
  <xdr:twoCellAnchor editAs="oneCell">
    <xdr:from>
      <xdr:col>1</xdr:col>
      <xdr:colOff>1685925</xdr:colOff>
      <xdr:row>47</xdr:row>
      <xdr:rowOff>38100</xdr:rowOff>
    </xdr:from>
    <xdr:to>
      <xdr:col>1</xdr:col>
      <xdr:colOff>1858443</xdr:colOff>
      <xdr:row>47</xdr:row>
      <xdr:rowOff>209550</xdr:rowOff>
    </xdr:to>
    <xdr:pic>
      <xdr:nvPicPr>
        <xdr:cNvPr id="29" name="図 28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000250" y="11420475"/>
          <a:ext cx="172518" cy="171450"/>
        </a:xfrm>
        <a:prstGeom prst="rect">
          <a:avLst/>
        </a:prstGeom>
      </xdr:spPr>
    </xdr:pic>
    <xdr:clientData/>
  </xdr:twoCellAnchor>
  <xdr:twoCellAnchor editAs="oneCell">
    <xdr:from>
      <xdr:col>1</xdr:col>
      <xdr:colOff>1685925</xdr:colOff>
      <xdr:row>48</xdr:row>
      <xdr:rowOff>47625</xdr:rowOff>
    </xdr:from>
    <xdr:to>
      <xdr:col>1</xdr:col>
      <xdr:colOff>1858443</xdr:colOff>
      <xdr:row>48</xdr:row>
      <xdr:rowOff>219075</xdr:rowOff>
    </xdr:to>
    <xdr:pic>
      <xdr:nvPicPr>
        <xdr:cNvPr id="30" name="図 29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000250" y="11668125"/>
          <a:ext cx="172518" cy="171450"/>
        </a:xfrm>
        <a:prstGeom prst="rect">
          <a:avLst/>
        </a:prstGeom>
      </xdr:spPr>
    </xdr:pic>
    <xdr:clientData/>
  </xdr:twoCellAnchor>
  <xdr:twoCellAnchor editAs="oneCell">
    <xdr:from>
      <xdr:col>6</xdr:col>
      <xdr:colOff>104775</xdr:colOff>
      <xdr:row>50</xdr:row>
      <xdr:rowOff>19050</xdr:rowOff>
    </xdr:from>
    <xdr:to>
      <xdr:col>6</xdr:col>
      <xdr:colOff>277293</xdr:colOff>
      <xdr:row>51</xdr:row>
      <xdr:rowOff>19050</xdr:rowOff>
    </xdr:to>
    <xdr:pic>
      <xdr:nvPicPr>
        <xdr:cNvPr id="31" name="図 30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267200" y="12049125"/>
          <a:ext cx="172518" cy="171450"/>
        </a:xfrm>
        <a:prstGeom prst="rect">
          <a:avLst/>
        </a:prstGeom>
      </xdr:spPr>
    </xdr:pic>
    <xdr:clientData/>
  </xdr:twoCellAnchor>
  <xdr:twoCellAnchor editAs="oneCell">
    <xdr:from>
      <xdr:col>15</xdr:col>
      <xdr:colOff>1685925</xdr:colOff>
      <xdr:row>3</xdr:row>
      <xdr:rowOff>47625</xdr:rowOff>
    </xdr:from>
    <xdr:to>
      <xdr:col>15</xdr:col>
      <xdr:colOff>1858443</xdr:colOff>
      <xdr:row>3</xdr:row>
      <xdr:rowOff>219075</xdr:rowOff>
    </xdr:to>
    <xdr:pic>
      <xdr:nvPicPr>
        <xdr:cNvPr id="32" name="図 31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039475" y="952500"/>
          <a:ext cx="172518" cy="171450"/>
        </a:xfrm>
        <a:prstGeom prst="rect">
          <a:avLst/>
        </a:prstGeom>
      </xdr:spPr>
    </xdr:pic>
    <xdr:clientData/>
  </xdr:twoCellAnchor>
  <xdr:twoCellAnchor editAs="oneCell">
    <xdr:from>
      <xdr:col>15</xdr:col>
      <xdr:colOff>1685925</xdr:colOff>
      <xdr:row>4</xdr:row>
      <xdr:rowOff>38100</xdr:rowOff>
    </xdr:from>
    <xdr:to>
      <xdr:col>15</xdr:col>
      <xdr:colOff>1858443</xdr:colOff>
      <xdr:row>4</xdr:row>
      <xdr:rowOff>209550</xdr:rowOff>
    </xdr:to>
    <xdr:pic>
      <xdr:nvPicPr>
        <xdr:cNvPr id="33" name="図 32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039475" y="1181100"/>
          <a:ext cx="172518" cy="171450"/>
        </a:xfrm>
        <a:prstGeom prst="rect">
          <a:avLst/>
        </a:prstGeom>
      </xdr:spPr>
    </xdr:pic>
    <xdr:clientData/>
  </xdr:twoCellAnchor>
  <xdr:twoCellAnchor editAs="oneCell">
    <xdr:from>
      <xdr:col>15</xdr:col>
      <xdr:colOff>1695450</xdr:colOff>
      <xdr:row>10</xdr:row>
      <xdr:rowOff>47625</xdr:rowOff>
    </xdr:from>
    <xdr:to>
      <xdr:col>15</xdr:col>
      <xdr:colOff>1867968</xdr:colOff>
      <xdr:row>10</xdr:row>
      <xdr:rowOff>219075</xdr:rowOff>
    </xdr:to>
    <xdr:pic>
      <xdr:nvPicPr>
        <xdr:cNvPr id="34" name="図 33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049000" y="2619375"/>
          <a:ext cx="172518" cy="171450"/>
        </a:xfrm>
        <a:prstGeom prst="rect">
          <a:avLst/>
        </a:prstGeom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525</xdr:colOff>
      <xdr:row>36</xdr:row>
      <xdr:rowOff>9525</xdr:rowOff>
    </xdr:from>
    <xdr:to>
      <xdr:col>5</xdr:col>
      <xdr:colOff>428625</xdr:colOff>
      <xdr:row>37</xdr:row>
      <xdr:rowOff>28575</xdr:rowOff>
    </xdr:to>
    <xdr:grpSp>
      <xdr:nvGrpSpPr>
        <xdr:cNvPr id="2" name="Group 1"/>
        <xdr:cNvGrpSpPr>
          <a:grpSpLocks/>
        </xdr:cNvGrpSpPr>
      </xdr:nvGrpSpPr>
      <xdr:grpSpPr bwMode="auto">
        <a:xfrm>
          <a:off x="9525" y="6677025"/>
          <a:ext cx="4581525" cy="190500"/>
          <a:chOff x="29" y="1539"/>
          <a:chExt cx="381" cy="22"/>
        </a:xfrm>
      </xdr:grpSpPr>
      <xdr:sp macro="" textlink="">
        <xdr:nvSpPr>
          <xdr:cNvPr id="3" name="Rectangle 2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val="FFFF66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4" name="Rectangle 3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050" b="0" i="0" u="none" strike="noStrike" baseline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この路線は、全便土・日・祝日は運行しません。</a:t>
            </a:r>
          </a:p>
        </xdr:txBody>
      </xdr:sp>
    </xdr:grp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266700</xdr:colOff>
      <xdr:row>0</xdr:row>
      <xdr:rowOff>0</xdr:rowOff>
    </xdr:from>
    <xdr:to>
      <xdr:col>1</xdr:col>
      <xdr:colOff>266700</xdr:colOff>
      <xdr:row>0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581025" y="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0</xdr:colOff>
      <xdr:row>22</xdr:row>
      <xdr:rowOff>9525</xdr:rowOff>
    </xdr:from>
    <xdr:to>
      <xdr:col>6</xdr:col>
      <xdr:colOff>76200</xdr:colOff>
      <xdr:row>23</xdr:row>
      <xdr:rowOff>28575</xdr:rowOff>
    </xdr:to>
    <xdr:grpSp>
      <xdr:nvGrpSpPr>
        <xdr:cNvPr id="3" name="Group 14"/>
        <xdr:cNvGrpSpPr>
          <a:grpSpLocks/>
        </xdr:cNvGrpSpPr>
      </xdr:nvGrpSpPr>
      <xdr:grpSpPr bwMode="auto">
        <a:xfrm>
          <a:off x="314325" y="5467350"/>
          <a:ext cx="3971925" cy="209550"/>
          <a:chOff x="29" y="1539"/>
          <a:chExt cx="381" cy="22"/>
        </a:xfrm>
      </xdr:grpSpPr>
      <xdr:sp macro="" textlink="">
        <xdr:nvSpPr>
          <xdr:cNvPr id="4" name="Rectangle 15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xmlns:mc="http://schemas.openxmlformats.org/markup-compatibility/2006" xmlns:a14="http://schemas.microsoft.com/office/drawing/2010/main" val="FFFF99" mc:Ignorable="a14" a14:legacySpreadsheetColorIndex="43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5" name="Rectangle 16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土・日・祝日は運行しません。</a:t>
            </a:r>
          </a:p>
        </xdr:txBody>
      </xdr:sp>
    </xdr:grpSp>
    <xdr:clientData/>
  </xdr:twoCellAnchor>
  <xdr:twoCellAnchor editAs="oneCell">
    <xdr:from>
      <xdr:col>1</xdr:col>
      <xdr:colOff>1390650</xdr:colOff>
      <xdr:row>5</xdr:row>
      <xdr:rowOff>66675</xdr:rowOff>
    </xdr:from>
    <xdr:to>
      <xdr:col>1</xdr:col>
      <xdr:colOff>1544745</xdr:colOff>
      <xdr:row>5</xdr:row>
      <xdr:rowOff>217457</xdr:rowOff>
    </xdr:to>
    <xdr:pic>
      <xdr:nvPicPr>
        <xdr:cNvPr id="6" name="図 5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704975" y="1314450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2</xdr:col>
      <xdr:colOff>1390650</xdr:colOff>
      <xdr:row>18</xdr:row>
      <xdr:rowOff>66675</xdr:rowOff>
    </xdr:from>
    <xdr:to>
      <xdr:col>12</xdr:col>
      <xdr:colOff>1544745</xdr:colOff>
      <xdr:row>18</xdr:row>
      <xdr:rowOff>217457</xdr:rowOff>
    </xdr:to>
    <xdr:pic>
      <xdr:nvPicPr>
        <xdr:cNvPr id="7" name="図 6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515350" y="4533900"/>
          <a:ext cx="154095" cy="150782"/>
        </a:xfrm>
        <a:prstGeom prst="rect">
          <a:avLst/>
        </a:prstGeom>
      </xdr:spPr>
    </xdr:pic>
    <xdr:clientData/>
  </xdr:twoCellAnchor>
  <xdr:twoCellAnchor>
    <xdr:from>
      <xdr:col>5</xdr:col>
      <xdr:colOff>533400</xdr:colOff>
      <xdr:row>22</xdr:row>
      <xdr:rowOff>1</xdr:rowOff>
    </xdr:from>
    <xdr:to>
      <xdr:col>9</xdr:col>
      <xdr:colOff>9525</xdr:colOff>
      <xdr:row>23</xdr:row>
      <xdr:rowOff>28575</xdr:rowOff>
    </xdr:to>
    <xdr:sp macro="" textlink="">
      <xdr:nvSpPr>
        <xdr:cNvPr id="8" name="正方形/長方形 7"/>
        <xdr:cNvSpPr/>
      </xdr:nvSpPr>
      <xdr:spPr>
        <a:xfrm>
          <a:off x="4162425" y="5457826"/>
          <a:ext cx="1800225" cy="219074"/>
        </a:xfrm>
        <a:prstGeom prst="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wrap="square" tIns="0" bIns="0" rtlCol="0" anchor="t">
          <a:noAutofit/>
        </a:bodyPr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　万葉線との連絡あり</a:t>
          </a:r>
        </a:p>
        <a:p>
          <a:pPr algn="l"/>
          <a:endParaRPr kumimoji="1" lang="en-US" altLang="ja-JP" sz="1100">
            <a:solidFill>
              <a:schemeClr val="tx1"/>
            </a:solidFill>
          </a:endParaRPr>
        </a:p>
      </xdr:txBody>
    </xdr:sp>
    <xdr:clientData/>
  </xdr:twoCellAnchor>
  <xdr:twoCellAnchor editAs="oneCell">
    <xdr:from>
      <xdr:col>6</xdr:col>
      <xdr:colOff>19050</xdr:colOff>
      <xdr:row>22</xdr:row>
      <xdr:rowOff>38101</xdr:rowOff>
    </xdr:from>
    <xdr:to>
      <xdr:col>6</xdr:col>
      <xdr:colOff>173145</xdr:colOff>
      <xdr:row>22</xdr:row>
      <xdr:rowOff>188883</xdr:rowOff>
    </xdr:to>
    <xdr:pic>
      <xdr:nvPicPr>
        <xdr:cNvPr id="9" name="図 8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229100" y="5495926"/>
          <a:ext cx="154095" cy="150782"/>
        </a:xfrm>
        <a:prstGeom prst="rect">
          <a:avLst/>
        </a:prstGeom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800225</xdr:colOff>
      <xdr:row>3</xdr:row>
      <xdr:rowOff>36858</xdr:rowOff>
    </xdr:from>
    <xdr:to>
      <xdr:col>1</xdr:col>
      <xdr:colOff>1981200</xdr:colOff>
      <xdr:row>3</xdr:row>
      <xdr:rowOff>217833</xdr:rowOff>
    </xdr:to>
    <xdr:pic>
      <xdr:nvPicPr>
        <xdr:cNvPr id="4" name="図 3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090116" y="716032"/>
          <a:ext cx="180975" cy="180975"/>
        </a:xfrm>
        <a:prstGeom prst="rect">
          <a:avLst/>
        </a:prstGeom>
      </xdr:spPr>
    </xdr:pic>
    <xdr:clientData/>
  </xdr:twoCellAnchor>
  <xdr:twoCellAnchor editAs="oneCell">
    <xdr:from>
      <xdr:col>10</xdr:col>
      <xdr:colOff>1352552</xdr:colOff>
      <xdr:row>87</xdr:row>
      <xdr:rowOff>19052</xdr:rowOff>
    </xdr:from>
    <xdr:to>
      <xdr:col>10</xdr:col>
      <xdr:colOff>1495920</xdr:colOff>
      <xdr:row>87</xdr:row>
      <xdr:rowOff>165654</xdr:rowOff>
    </xdr:to>
    <xdr:pic>
      <xdr:nvPicPr>
        <xdr:cNvPr id="5" name="図 4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775965" y="8202269"/>
          <a:ext cx="143368" cy="146602"/>
        </a:xfrm>
        <a:prstGeom prst="rect">
          <a:avLst/>
        </a:prstGeom>
      </xdr:spPr>
    </xdr:pic>
    <xdr:clientData/>
  </xdr:twoCellAnchor>
  <xdr:twoCellAnchor>
    <xdr:from>
      <xdr:col>12</xdr:col>
      <xdr:colOff>806823</xdr:colOff>
      <xdr:row>89</xdr:row>
      <xdr:rowOff>33617</xdr:rowOff>
    </xdr:from>
    <xdr:to>
      <xdr:col>16</xdr:col>
      <xdr:colOff>231322</xdr:colOff>
      <xdr:row>90</xdr:row>
      <xdr:rowOff>145676</xdr:rowOff>
    </xdr:to>
    <xdr:sp macro="" textlink="">
      <xdr:nvSpPr>
        <xdr:cNvPr id="7" name="正方形/長方形 6"/>
        <xdr:cNvSpPr/>
      </xdr:nvSpPr>
      <xdr:spPr>
        <a:xfrm>
          <a:off x="11553264" y="8337176"/>
          <a:ext cx="2651793" cy="280147"/>
        </a:xfrm>
        <a:prstGeom prst="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wrap="square" tIns="0" bIns="0" rtlCol="0" anchor="t">
          <a:noAutofit/>
        </a:bodyPr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　県営フェリーとの連絡あり</a:t>
          </a:r>
          <a:endParaRPr kumimoji="1" lang="en-US" altLang="ja-JP" sz="1100">
            <a:solidFill>
              <a:schemeClr val="tx1"/>
            </a:solidFill>
          </a:endParaRPr>
        </a:p>
      </xdr:txBody>
    </xdr:sp>
    <xdr:clientData/>
  </xdr:twoCellAnchor>
  <xdr:twoCellAnchor editAs="oneCell">
    <xdr:from>
      <xdr:col>13</xdr:col>
      <xdr:colOff>56028</xdr:colOff>
      <xdr:row>89</xdr:row>
      <xdr:rowOff>89647</xdr:rowOff>
    </xdr:from>
    <xdr:to>
      <xdr:col>13</xdr:col>
      <xdr:colOff>193513</xdr:colOff>
      <xdr:row>90</xdr:row>
      <xdr:rowOff>54909</xdr:rowOff>
    </xdr:to>
    <xdr:pic>
      <xdr:nvPicPr>
        <xdr:cNvPr id="8" name="図 7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609293" y="8393206"/>
          <a:ext cx="137485" cy="133350"/>
        </a:xfrm>
        <a:prstGeom prst="rect">
          <a:avLst/>
        </a:prstGeom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72142</xdr:colOff>
      <xdr:row>45</xdr:row>
      <xdr:rowOff>185057</xdr:rowOff>
    </xdr:from>
    <xdr:to>
      <xdr:col>9</xdr:col>
      <xdr:colOff>476249</xdr:colOff>
      <xdr:row>47</xdr:row>
      <xdr:rowOff>32657</xdr:rowOff>
    </xdr:to>
    <xdr:grpSp>
      <xdr:nvGrpSpPr>
        <xdr:cNvPr id="2" name="Group 1"/>
        <xdr:cNvGrpSpPr>
          <a:grpSpLocks/>
        </xdr:cNvGrpSpPr>
      </xdr:nvGrpSpPr>
      <xdr:grpSpPr bwMode="auto">
        <a:xfrm>
          <a:off x="2748642" y="12295414"/>
          <a:ext cx="3714750" cy="228600"/>
          <a:chOff x="29" y="1539"/>
          <a:chExt cx="381" cy="22"/>
        </a:xfrm>
      </xdr:grpSpPr>
      <xdr:sp macro="" textlink="">
        <xdr:nvSpPr>
          <xdr:cNvPr id="3" name="Rectangle 2"/>
          <xdr:cNvSpPr>
            <a:spLocks noChangeArrowheads="1"/>
          </xdr:cNvSpPr>
        </xdr:nvSpPr>
        <xdr:spPr bwMode="auto">
          <a:xfrm>
            <a:off x="29" y="1539"/>
            <a:ext cx="67" cy="22"/>
          </a:xfrm>
          <a:prstGeom prst="rect">
            <a:avLst/>
          </a:prstGeom>
          <a:solidFill>
            <a:srgbClr xmlns:mc="http://schemas.openxmlformats.org/markup-compatibility/2006" xmlns:a14="http://schemas.microsoft.com/office/drawing/2010/main" val="FFFF99" mc:Ignorable="a14" a14:legacySpreadsheetColorIndex="43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  <xdr:sp macro="" textlink="">
        <xdr:nvSpPr>
          <xdr:cNvPr id="4" name="Rectangle 3"/>
          <xdr:cNvSpPr>
            <a:spLocks noChangeArrowheads="1"/>
          </xdr:cNvSpPr>
        </xdr:nvSpPr>
        <xdr:spPr bwMode="auto">
          <a:xfrm>
            <a:off x="106" y="1539"/>
            <a:ext cx="304" cy="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CC00" mc:Ignorable="a14" a14:legacySpreadsheetColorIndex="5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27432" tIns="18288" rIns="0" bIns="0" anchor="t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表示の便は、土・日・祝日は運行しません。</a:t>
            </a:r>
          </a:p>
        </xdr:txBody>
      </xdr:sp>
    </xdr:grpSp>
    <xdr:clientData/>
  </xdr:twoCellAnchor>
  <xdr:twoCellAnchor editAs="oneCell">
    <xdr:from>
      <xdr:col>1</xdr:col>
      <xdr:colOff>1381125</xdr:colOff>
      <xdr:row>8</xdr:row>
      <xdr:rowOff>80283</xdr:rowOff>
    </xdr:from>
    <xdr:to>
      <xdr:col>1</xdr:col>
      <xdr:colOff>1535220</xdr:colOff>
      <xdr:row>8</xdr:row>
      <xdr:rowOff>231065</xdr:rowOff>
    </xdr:to>
    <xdr:pic>
      <xdr:nvPicPr>
        <xdr:cNvPr id="5" name="図 4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694089" y="2121354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</xdr:col>
      <xdr:colOff>1371600</xdr:colOff>
      <xdr:row>14</xdr:row>
      <xdr:rowOff>76200</xdr:rowOff>
    </xdr:from>
    <xdr:to>
      <xdr:col>1</xdr:col>
      <xdr:colOff>1525695</xdr:colOff>
      <xdr:row>14</xdr:row>
      <xdr:rowOff>226982</xdr:rowOff>
    </xdr:to>
    <xdr:pic>
      <xdr:nvPicPr>
        <xdr:cNvPr id="6" name="図 5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685925" y="3800475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6</xdr:col>
      <xdr:colOff>1333500</xdr:colOff>
      <xdr:row>32</xdr:row>
      <xdr:rowOff>76200</xdr:rowOff>
    </xdr:from>
    <xdr:to>
      <xdr:col>16</xdr:col>
      <xdr:colOff>1487595</xdr:colOff>
      <xdr:row>32</xdr:row>
      <xdr:rowOff>226982</xdr:rowOff>
    </xdr:to>
    <xdr:pic>
      <xdr:nvPicPr>
        <xdr:cNvPr id="7" name="図 6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782300" y="8772525"/>
          <a:ext cx="154095" cy="150782"/>
        </a:xfrm>
        <a:prstGeom prst="rect">
          <a:avLst/>
        </a:prstGeom>
      </xdr:spPr>
    </xdr:pic>
    <xdr:clientData/>
  </xdr:twoCellAnchor>
  <xdr:twoCellAnchor editAs="oneCell">
    <xdr:from>
      <xdr:col>16</xdr:col>
      <xdr:colOff>1323975</xdr:colOff>
      <xdr:row>38</xdr:row>
      <xdr:rowOff>85725</xdr:rowOff>
    </xdr:from>
    <xdr:to>
      <xdr:col>16</xdr:col>
      <xdr:colOff>1478070</xdr:colOff>
      <xdr:row>38</xdr:row>
      <xdr:rowOff>236507</xdr:rowOff>
    </xdr:to>
    <xdr:pic>
      <xdr:nvPicPr>
        <xdr:cNvPr id="8" name="図 7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0772775" y="10439400"/>
          <a:ext cx="154095" cy="150782"/>
        </a:xfrm>
        <a:prstGeom prst="rect">
          <a:avLst/>
        </a:prstGeom>
      </xdr:spPr>
    </xdr:pic>
    <xdr:clientData/>
  </xdr:twoCellAnchor>
  <xdr:twoCellAnchor>
    <xdr:from>
      <xdr:col>0</xdr:col>
      <xdr:colOff>176893</xdr:colOff>
      <xdr:row>46</xdr:row>
      <xdr:rowOff>0</xdr:rowOff>
    </xdr:from>
    <xdr:to>
      <xdr:col>2</xdr:col>
      <xdr:colOff>54427</xdr:colOff>
      <xdr:row>47</xdr:row>
      <xdr:rowOff>13607</xdr:rowOff>
    </xdr:to>
    <xdr:sp macro="" textlink="">
      <xdr:nvSpPr>
        <xdr:cNvPr id="9" name="正方形/長方形 8"/>
        <xdr:cNvSpPr/>
      </xdr:nvSpPr>
      <xdr:spPr>
        <a:xfrm>
          <a:off x="176893" y="12300857"/>
          <a:ext cx="1768927" cy="204107"/>
        </a:xfrm>
        <a:prstGeom prst="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wrap="square" tIns="0" bIns="0" rtlCol="0" anchor="t">
          <a:noAutofit/>
        </a:bodyPr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　万葉線との連絡あり</a:t>
          </a:r>
        </a:p>
        <a:p>
          <a:pPr algn="l"/>
          <a:endParaRPr kumimoji="1" lang="en-US" altLang="ja-JP" sz="1100">
            <a:solidFill>
              <a:schemeClr val="tx1"/>
            </a:solidFill>
          </a:endParaRPr>
        </a:p>
      </xdr:txBody>
    </xdr:sp>
    <xdr:clientData/>
  </xdr:twoCellAnchor>
  <xdr:twoCellAnchor editAs="oneCell">
    <xdr:from>
      <xdr:col>0</xdr:col>
      <xdr:colOff>204108</xdr:colOff>
      <xdr:row>46</xdr:row>
      <xdr:rowOff>40821</xdr:rowOff>
    </xdr:from>
    <xdr:to>
      <xdr:col>1</xdr:col>
      <xdr:colOff>45239</xdr:colOff>
      <xdr:row>47</xdr:row>
      <xdr:rowOff>1103</xdr:rowOff>
    </xdr:to>
    <xdr:pic>
      <xdr:nvPicPr>
        <xdr:cNvPr id="10" name="図 9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04108" y="12341678"/>
          <a:ext cx="154095" cy="150782"/>
        </a:xfrm>
        <a:prstGeom prst="rect">
          <a:avLst/>
        </a:prstGeom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0</xdr:colOff>
      <xdr:row>18</xdr:row>
      <xdr:rowOff>85725</xdr:rowOff>
    </xdr:from>
    <xdr:to>
      <xdr:col>8</xdr:col>
      <xdr:colOff>1304925</xdr:colOff>
      <xdr:row>20</xdr:row>
      <xdr:rowOff>114300</xdr:rowOff>
    </xdr:to>
    <xdr:grpSp>
      <xdr:nvGrpSpPr>
        <xdr:cNvPr id="2" name="グループ化 1"/>
        <xdr:cNvGrpSpPr/>
      </xdr:nvGrpSpPr>
      <xdr:grpSpPr>
        <a:xfrm>
          <a:off x="2390775" y="3086100"/>
          <a:ext cx="4295775" cy="352425"/>
          <a:chOff x="2618407" y="204943"/>
          <a:chExt cx="2495316" cy="352425"/>
        </a:xfrm>
      </xdr:grpSpPr>
      <xdr:sp macro="" textlink="">
        <xdr:nvSpPr>
          <xdr:cNvPr id="3" name="正方形/長方形 2"/>
          <xdr:cNvSpPr/>
        </xdr:nvSpPr>
        <xdr:spPr>
          <a:xfrm>
            <a:off x="2841344" y="238124"/>
            <a:ext cx="2272379" cy="319244"/>
          </a:xfrm>
          <a:prstGeom prst="rect">
            <a:avLst/>
          </a:prstGeom>
          <a:noFill/>
          <a:ln>
            <a:noFill/>
          </a:ln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kumimoji="1" lang="ja-JP" altLang="en-US" sz="1100" b="1">
                <a:solidFill>
                  <a:srgbClr val="FF0000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この路線は</a:t>
            </a:r>
            <a:r>
              <a:rPr kumimoji="1" lang="en-US" altLang="ja-JP" sz="1100" b="1">
                <a:solidFill>
                  <a:srgbClr val="FF0000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12</a:t>
            </a:r>
            <a:r>
              <a:rPr kumimoji="1" lang="ja-JP" altLang="en-US" sz="1100" b="1">
                <a:solidFill>
                  <a:srgbClr val="FF0000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月～</a:t>
            </a:r>
            <a:r>
              <a:rPr kumimoji="1" lang="en-US" altLang="ja-JP" sz="1100" b="1">
                <a:solidFill>
                  <a:srgbClr val="FF0000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2</a:t>
            </a:r>
            <a:r>
              <a:rPr kumimoji="1" lang="ja-JP" altLang="en-US" sz="1100" b="1">
                <a:solidFill>
                  <a:srgbClr val="FF0000"/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</a:rPr>
              <a:t>月の平日のみ運行</a:t>
            </a:r>
          </a:p>
        </xdr:txBody>
      </xdr:sp>
      <xdr:grpSp>
        <xdr:nvGrpSpPr>
          <xdr:cNvPr id="4" name="グループ化 3"/>
          <xdr:cNvGrpSpPr/>
        </xdr:nvGrpSpPr>
        <xdr:grpSpPr>
          <a:xfrm>
            <a:off x="2618407" y="204943"/>
            <a:ext cx="532258" cy="323849"/>
            <a:chOff x="2618407" y="204943"/>
            <a:chExt cx="532258" cy="323849"/>
          </a:xfrm>
        </xdr:grpSpPr>
        <xdr:sp macro="" textlink="">
          <xdr:nvSpPr>
            <xdr:cNvPr id="5" name="角丸四角形 4"/>
            <xdr:cNvSpPr/>
          </xdr:nvSpPr>
          <xdr:spPr>
            <a:xfrm>
              <a:off x="2629470" y="301101"/>
              <a:ext cx="260047" cy="141967"/>
            </a:xfrm>
            <a:prstGeom prst="roundRect">
              <a:avLst/>
            </a:prstGeom>
            <a:solidFill>
              <a:srgbClr val="FF0000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kumimoji="1" lang="ja-JP" altLang="en-US" sz="1000">
                <a:solidFill>
                  <a:schemeClr val="bg1"/>
                </a:solidFill>
              </a:endParaRPr>
            </a:p>
          </xdr:txBody>
        </xdr:sp>
        <xdr:sp macro="" textlink="">
          <xdr:nvSpPr>
            <xdr:cNvPr id="6" name="角丸四角形 5"/>
            <xdr:cNvSpPr/>
          </xdr:nvSpPr>
          <xdr:spPr>
            <a:xfrm>
              <a:off x="2618407" y="204943"/>
              <a:ext cx="532258" cy="323849"/>
            </a:xfrm>
            <a:prstGeom prst="roundRect">
              <a:avLst/>
            </a:prstGeom>
            <a:noFill/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r>
                <a:rPr kumimoji="1" lang="ja-JP" altLang="en-US" sz="1000" b="1">
                  <a:solidFill>
                    <a:schemeClr val="bg1"/>
                  </a:solidFill>
                </a:rPr>
                <a:t>注意</a:t>
              </a:r>
            </a:p>
          </xdr:txBody>
        </xdr:sp>
      </xdr:grp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.xml"/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.xml"/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.xml"/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.xml"/><Relationship Id="rId1" Type="http://schemas.openxmlformats.org/officeDocument/2006/relationships/printerSettings" Target="../printerSettings/printerSettings20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23"/>
  <sheetViews>
    <sheetView showGridLines="0" tabSelected="1" view="pageBreakPreview" zoomScale="75" zoomScaleNormal="100" zoomScaleSheetLayoutView="75" workbookViewId="0">
      <selection activeCell="K7" sqref="K7"/>
    </sheetView>
  </sheetViews>
  <sheetFormatPr defaultRowHeight="13.5" x14ac:dyDescent="0.15"/>
  <cols>
    <col min="1" max="1" width="5.625" style="298" customWidth="1"/>
    <col min="2" max="2" width="15" style="298" customWidth="1"/>
    <col min="3" max="24" width="6.125" style="298" customWidth="1"/>
    <col min="25" max="25" width="0.75" style="298" customWidth="1"/>
    <col min="26" max="255" width="9" style="298"/>
    <col min="256" max="256" width="3" style="298" customWidth="1"/>
    <col min="257" max="257" width="5.625" style="298" customWidth="1"/>
    <col min="258" max="258" width="15" style="298" customWidth="1"/>
    <col min="259" max="280" width="6.125" style="298" customWidth="1"/>
    <col min="281" max="281" width="0.75" style="298" customWidth="1"/>
    <col min="282" max="511" width="9" style="298"/>
    <col min="512" max="512" width="3" style="298" customWidth="1"/>
    <col min="513" max="513" width="5.625" style="298" customWidth="1"/>
    <col min="514" max="514" width="15" style="298" customWidth="1"/>
    <col min="515" max="536" width="6.125" style="298" customWidth="1"/>
    <col min="537" max="537" width="0.75" style="298" customWidth="1"/>
    <col min="538" max="767" width="9" style="298"/>
    <col min="768" max="768" width="3" style="298" customWidth="1"/>
    <col min="769" max="769" width="5.625" style="298" customWidth="1"/>
    <col min="770" max="770" width="15" style="298" customWidth="1"/>
    <col min="771" max="792" width="6.125" style="298" customWidth="1"/>
    <col min="793" max="793" width="0.75" style="298" customWidth="1"/>
    <col min="794" max="1023" width="9" style="298"/>
    <col min="1024" max="1024" width="3" style="298" customWidth="1"/>
    <col min="1025" max="1025" width="5.625" style="298" customWidth="1"/>
    <col min="1026" max="1026" width="15" style="298" customWidth="1"/>
    <col min="1027" max="1048" width="6.125" style="298" customWidth="1"/>
    <col min="1049" max="1049" width="0.75" style="298" customWidth="1"/>
    <col min="1050" max="1279" width="9" style="298"/>
    <col min="1280" max="1280" width="3" style="298" customWidth="1"/>
    <col min="1281" max="1281" width="5.625" style="298" customWidth="1"/>
    <col min="1282" max="1282" width="15" style="298" customWidth="1"/>
    <col min="1283" max="1304" width="6.125" style="298" customWidth="1"/>
    <col min="1305" max="1305" width="0.75" style="298" customWidth="1"/>
    <col min="1306" max="1535" width="9" style="298"/>
    <col min="1536" max="1536" width="3" style="298" customWidth="1"/>
    <col min="1537" max="1537" width="5.625" style="298" customWidth="1"/>
    <col min="1538" max="1538" width="15" style="298" customWidth="1"/>
    <col min="1539" max="1560" width="6.125" style="298" customWidth="1"/>
    <col min="1561" max="1561" width="0.75" style="298" customWidth="1"/>
    <col min="1562" max="1791" width="9" style="298"/>
    <col min="1792" max="1792" width="3" style="298" customWidth="1"/>
    <col min="1793" max="1793" width="5.625" style="298" customWidth="1"/>
    <col min="1794" max="1794" width="15" style="298" customWidth="1"/>
    <col min="1795" max="1816" width="6.125" style="298" customWidth="1"/>
    <col min="1817" max="1817" width="0.75" style="298" customWidth="1"/>
    <col min="1818" max="2047" width="9" style="298"/>
    <col min="2048" max="2048" width="3" style="298" customWidth="1"/>
    <col min="2049" max="2049" width="5.625" style="298" customWidth="1"/>
    <col min="2050" max="2050" width="15" style="298" customWidth="1"/>
    <col min="2051" max="2072" width="6.125" style="298" customWidth="1"/>
    <col min="2073" max="2073" width="0.75" style="298" customWidth="1"/>
    <col min="2074" max="2303" width="9" style="298"/>
    <col min="2304" max="2304" width="3" style="298" customWidth="1"/>
    <col min="2305" max="2305" width="5.625" style="298" customWidth="1"/>
    <col min="2306" max="2306" width="15" style="298" customWidth="1"/>
    <col min="2307" max="2328" width="6.125" style="298" customWidth="1"/>
    <col min="2329" max="2329" width="0.75" style="298" customWidth="1"/>
    <col min="2330" max="2559" width="9" style="298"/>
    <col min="2560" max="2560" width="3" style="298" customWidth="1"/>
    <col min="2561" max="2561" width="5.625" style="298" customWidth="1"/>
    <col min="2562" max="2562" width="15" style="298" customWidth="1"/>
    <col min="2563" max="2584" width="6.125" style="298" customWidth="1"/>
    <col min="2585" max="2585" width="0.75" style="298" customWidth="1"/>
    <col min="2586" max="2815" width="9" style="298"/>
    <col min="2816" max="2816" width="3" style="298" customWidth="1"/>
    <col min="2817" max="2817" width="5.625" style="298" customWidth="1"/>
    <col min="2818" max="2818" width="15" style="298" customWidth="1"/>
    <col min="2819" max="2840" width="6.125" style="298" customWidth="1"/>
    <col min="2841" max="2841" width="0.75" style="298" customWidth="1"/>
    <col min="2842" max="3071" width="9" style="298"/>
    <col min="3072" max="3072" width="3" style="298" customWidth="1"/>
    <col min="3073" max="3073" width="5.625" style="298" customWidth="1"/>
    <col min="3074" max="3074" width="15" style="298" customWidth="1"/>
    <col min="3075" max="3096" width="6.125" style="298" customWidth="1"/>
    <col min="3097" max="3097" width="0.75" style="298" customWidth="1"/>
    <col min="3098" max="3327" width="9" style="298"/>
    <col min="3328" max="3328" width="3" style="298" customWidth="1"/>
    <col min="3329" max="3329" width="5.625" style="298" customWidth="1"/>
    <col min="3330" max="3330" width="15" style="298" customWidth="1"/>
    <col min="3331" max="3352" width="6.125" style="298" customWidth="1"/>
    <col min="3353" max="3353" width="0.75" style="298" customWidth="1"/>
    <col min="3354" max="3583" width="9" style="298"/>
    <col min="3584" max="3584" width="3" style="298" customWidth="1"/>
    <col min="3585" max="3585" width="5.625" style="298" customWidth="1"/>
    <col min="3586" max="3586" width="15" style="298" customWidth="1"/>
    <col min="3587" max="3608" width="6.125" style="298" customWidth="1"/>
    <col min="3609" max="3609" width="0.75" style="298" customWidth="1"/>
    <col min="3610" max="3839" width="9" style="298"/>
    <col min="3840" max="3840" width="3" style="298" customWidth="1"/>
    <col min="3841" max="3841" width="5.625" style="298" customWidth="1"/>
    <col min="3842" max="3842" width="15" style="298" customWidth="1"/>
    <col min="3843" max="3864" width="6.125" style="298" customWidth="1"/>
    <col min="3865" max="3865" width="0.75" style="298" customWidth="1"/>
    <col min="3866" max="4095" width="9" style="298"/>
    <col min="4096" max="4096" width="3" style="298" customWidth="1"/>
    <col min="4097" max="4097" width="5.625" style="298" customWidth="1"/>
    <col min="4098" max="4098" width="15" style="298" customWidth="1"/>
    <col min="4099" max="4120" width="6.125" style="298" customWidth="1"/>
    <col min="4121" max="4121" width="0.75" style="298" customWidth="1"/>
    <col min="4122" max="4351" width="9" style="298"/>
    <col min="4352" max="4352" width="3" style="298" customWidth="1"/>
    <col min="4353" max="4353" width="5.625" style="298" customWidth="1"/>
    <col min="4354" max="4354" width="15" style="298" customWidth="1"/>
    <col min="4355" max="4376" width="6.125" style="298" customWidth="1"/>
    <col min="4377" max="4377" width="0.75" style="298" customWidth="1"/>
    <col min="4378" max="4607" width="9" style="298"/>
    <col min="4608" max="4608" width="3" style="298" customWidth="1"/>
    <col min="4609" max="4609" width="5.625" style="298" customWidth="1"/>
    <col min="4610" max="4610" width="15" style="298" customWidth="1"/>
    <col min="4611" max="4632" width="6.125" style="298" customWidth="1"/>
    <col min="4633" max="4633" width="0.75" style="298" customWidth="1"/>
    <col min="4634" max="4863" width="9" style="298"/>
    <col min="4864" max="4864" width="3" style="298" customWidth="1"/>
    <col min="4865" max="4865" width="5.625" style="298" customWidth="1"/>
    <col min="4866" max="4866" width="15" style="298" customWidth="1"/>
    <col min="4867" max="4888" width="6.125" style="298" customWidth="1"/>
    <col min="4889" max="4889" width="0.75" style="298" customWidth="1"/>
    <col min="4890" max="5119" width="9" style="298"/>
    <col min="5120" max="5120" width="3" style="298" customWidth="1"/>
    <col min="5121" max="5121" width="5.625" style="298" customWidth="1"/>
    <col min="5122" max="5122" width="15" style="298" customWidth="1"/>
    <col min="5123" max="5144" width="6.125" style="298" customWidth="1"/>
    <col min="5145" max="5145" width="0.75" style="298" customWidth="1"/>
    <col min="5146" max="5375" width="9" style="298"/>
    <col min="5376" max="5376" width="3" style="298" customWidth="1"/>
    <col min="5377" max="5377" width="5.625" style="298" customWidth="1"/>
    <col min="5378" max="5378" width="15" style="298" customWidth="1"/>
    <col min="5379" max="5400" width="6.125" style="298" customWidth="1"/>
    <col min="5401" max="5401" width="0.75" style="298" customWidth="1"/>
    <col min="5402" max="5631" width="9" style="298"/>
    <col min="5632" max="5632" width="3" style="298" customWidth="1"/>
    <col min="5633" max="5633" width="5.625" style="298" customWidth="1"/>
    <col min="5634" max="5634" width="15" style="298" customWidth="1"/>
    <col min="5635" max="5656" width="6.125" style="298" customWidth="1"/>
    <col min="5657" max="5657" width="0.75" style="298" customWidth="1"/>
    <col min="5658" max="5887" width="9" style="298"/>
    <col min="5888" max="5888" width="3" style="298" customWidth="1"/>
    <col min="5889" max="5889" width="5.625" style="298" customWidth="1"/>
    <col min="5890" max="5890" width="15" style="298" customWidth="1"/>
    <col min="5891" max="5912" width="6.125" style="298" customWidth="1"/>
    <col min="5913" max="5913" width="0.75" style="298" customWidth="1"/>
    <col min="5914" max="6143" width="9" style="298"/>
    <col min="6144" max="6144" width="3" style="298" customWidth="1"/>
    <col min="6145" max="6145" width="5.625" style="298" customWidth="1"/>
    <col min="6146" max="6146" width="15" style="298" customWidth="1"/>
    <col min="6147" max="6168" width="6.125" style="298" customWidth="1"/>
    <col min="6169" max="6169" width="0.75" style="298" customWidth="1"/>
    <col min="6170" max="6399" width="9" style="298"/>
    <col min="6400" max="6400" width="3" style="298" customWidth="1"/>
    <col min="6401" max="6401" width="5.625" style="298" customWidth="1"/>
    <col min="6402" max="6402" width="15" style="298" customWidth="1"/>
    <col min="6403" max="6424" width="6.125" style="298" customWidth="1"/>
    <col min="6425" max="6425" width="0.75" style="298" customWidth="1"/>
    <col min="6426" max="6655" width="9" style="298"/>
    <col min="6656" max="6656" width="3" style="298" customWidth="1"/>
    <col min="6657" max="6657" width="5.625" style="298" customWidth="1"/>
    <col min="6658" max="6658" width="15" style="298" customWidth="1"/>
    <col min="6659" max="6680" width="6.125" style="298" customWidth="1"/>
    <col min="6681" max="6681" width="0.75" style="298" customWidth="1"/>
    <col min="6682" max="6911" width="9" style="298"/>
    <col min="6912" max="6912" width="3" style="298" customWidth="1"/>
    <col min="6913" max="6913" width="5.625" style="298" customWidth="1"/>
    <col min="6914" max="6914" width="15" style="298" customWidth="1"/>
    <col min="6915" max="6936" width="6.125" style="298" customWidth="1"/>
    <col min="6937" max="6937" width="0.75" style="298" customWidth="1"/>
    <col min="6938" max="7167" width="9" style="298"/>
    <col min="7168" max="7168" width="3" style="298" customWidth="1"/>
    <col min="7169" max="7169" width="5.625" style="298" customWidth="1"/>
    <col min="7170" max="7170" width="15" style="298" customWidth="1"/>
    <col min="7171" max="7192" width="6.125" style="298" customWidth="1"/>
    <col min="7193" max="7193" width="0.75" style="298" customWidth="1"/>
    <col min="7194" max="7423" width="9" style="298"/>
    <col min="7424" max="7424" width="3" style="298" customWidth="1"/>
    <col min="7425" max="7425" width="5.625" style="298" customWidth="1"/>
    <col min="7426" max="7426" width="15" style="298" customWidth="1"/>
    <col min="7427" max="7448" width="6.125" style="298" customWidth="1"/>
    <col min="7449" max="7449" width="0.75" style="298" customWidth="1"/>
    <col min="7450" max="7679" width="9" style="298"/>
    <col min="7680" max="7680" width="3" style="298" customWidth="1"/>
    <col min="7681" max="7681" width="5.625" style="298" customWidth="1"/>
    <col min="7682" max="7682" width="15" style="298" customWidth="1"/>
    <col min="7683" max="7704" width="6.125" style="298" customWidth="1"/>
    <col min="7705" max="7705" width="0.75" style="298" customWidth="1"/>
    <col min="7706" max="7935" width="9" style="298"/>
    <col min="7936" max="7936" width="3" style="298" customWidth="1"/>
    <col min="7937" max="7937" width="5.625" style="298" customWidth="1"/>
    <col min="7938" max="7938" width="15" style="298" customWidth="1"/>
    <col min="7939" max="7960" width="6.125" style="298" customWidth="1"/>
    <col min="7961" max="7961" width="0.75" style="298" customWidth="1"/>
    <col min="7962" max="8191" width="9" style="298"/>
    <col min="8192" max="8192" width="3" style="298" customWidth="1"/>
    <col min="8193" max="8193" width="5.625" style="298" customWidth="1"/>
    <col min="8194" max="8194" width="15" style="298" customWidth="1"/>
    <col min="8195" max="8216" width="6.125" style="298" customWidth="1"/>
    <col min="8217" max="8217" width="0.75" style="298" customWidth="1"/>
    <col min="8218" max="8447" width="9" style="298"/>
    <col min="8448" max="8448" width="3" style="298" customWidth="1"/>
    <col min="8449" max="8449" width="5.625" style="298" customWidth="1"/>
    <col min="8450" max="8450" width="15" style="298" customWidth="1"/>
    <col min="8451" max="8472" width="6.125" style="298" customWidth="1"/>
    <col min="8473" max="8473" width="0.75" style="298" customWidth="1"/>
    <col min="8474" max="8703" width="9" style="298"/>
    <col min="8704" max="8704" width="3" style="298" customWidth="1"/>
    <col min="8705" max="8705" width="5.625" style="298" customWidth="1"/>
    <col min="8706" max="8706" width="15" style="298" customWidth="1"/>
    <col min="8707" max="8728" width="6.125" style="298" customWidth="1"/>
    <col min="8729" max="8729" width="0.75" style="298" customWidth="1"/>
    <col min="8730" max="8959" width="9" style="298"/>
    <col min="8960" max="8960" width="3" style="298" customWidth="1"/>
    <col min="8961" max="8961" width="5.625" style="298" customWidth="1"/>
    <col min="8962" max="8962" width="15" style="298" customWidth="1"/>
    <col min="8963" max="8984" width="6.125" style="298" customWidth="1"/>
    <col min="8985" max="8985" width="0.75" style="298" customWidth="1"/>
    <col min="8986" max="9215" width="9" style="298"/>
    <col min="9216" max="9216" width="3" style="298" customWidth="1"/>
    <col min="9217" max="9217" width="5.625" style="298" customWidth="1"/>
    <col min="9218" max="9218" width="15" style="298" customWidth="1"/>
    <col min="9219" max="9240" width="6.125" style="298" customWidth="1"/>
    <col min="9241" max="9241" width="0.75" style="298" customWidth="1"/>
    <col min="9242" max="9471" width="9" style="298"/>
    <col min="9472" max="9472" width="3" style="298" customWidth="1"/>
    <col min="9473" max="9473" width="5.625" style="298" customWidth="1"/>
    <col min="9474" max="9474" width="15" style="298" customWidth="1"/>
    <col min="9475" max="9496" width="6.125" style="298" customWidth="1"/>
    <col min="9497" max="9497" width="0.75" style="298" customWidth="1"/>
    <col min="9498" max="9727" width="9" style="298"/>
    <col min="9728" max="9728" width="3" style="298" customWidth="1"/>
    <col min="9729" max="9729" width="5.625" style="298" customWidth="1"/>
    <col min="9730" max="9730" width="15" style="298" customWidth="1"/>
    <col min="9731" max="9752" width="6.125" style="298" customWidth="1"/>
    <col min="9753" max="9753" width="0.75" style="298" customWidth="1"/>
    <col min="9754" max="9983" width="9" style="298"/>
    <col min="9984" max="9984" width="3" style="298" customWidth="1"/>
    <col min="9985" max="9985" width="5.625" style="298" customWidth="1"/>
    <col min="9986" max="9986" width="15" style="298" customWidth="1"/>
    <col min="9987" max="10008" width="6.125" style="298" customWidth="1"/>
    <col min="10009" max="10009" width="0.75" style="298" customWidth="1"/>
    <col min="10010" max="10239" width="9" style="298"/>
    <col min="10240" max="10240" width="3" style="298" customWidth="1"/>
    <col min="10241" max="10241" width="5.625" style="298" customWidth="1"/>
    <col min="10242" max="10242" width="15" style="298" customWidth="1"/>
    <col min="10243" max="10264" width="6.125" style="298" customWidth="1"/>
    <col min="10265" max="10265" width="0.75" style="298" customWidth="1"/>
    <col min="10266" max="10495" width="9" style="298"/>
    <col min="10496" max="10496" width="3" style="298" customWidth="1"/>
    <col min="10497" max="10497" width="5.625" style="298" customWidth="1"/>
    <col min="10498" max="10498" width="15" style="298" customWidth="1"/>
    <col min="10499" max="10520" width="6.125" style="298" customWidth="1"/>
    <col min="10521" max="10521" width="0.75" style="298" customWidth="1"/>
    <col min="10522" max="10751" width="9" style="298"/>
    <col min="10752" max="10752" width="3" style="298" customWidth="1"/>
    <col min="10753" max="10753" width="5.625" style="298" customWidth="1"/>
    <col min="10754" max="10754" width="15" style="298" customWidth="1"/>
    <col min="10755" max="10776" width="6.125" style="298" customWidth="1"/>
    <col min="10777" max="10777" width="0.75" style="298" customWidth="1"/>
    <col min="10778" max="11007" width="9" style="298"/>
    <col min="11008" max="11008" width="3" style="298" customWidth="1"/>
    <col min="11009" max="11009" width="5.625" style="298" customWidth="1"/>
    <col min="11010" max="11010" width="15" style="298" customWidth="1"/>
    <col min="11011" max="11032" width="6.125" style="298" customWidth="1"/>
    <col min="11033" max="11033" width="0.75" style="298" customWidth="1"/>
    <col min="11034" max="11263" width="9" style="298"/>
    <col min="11264" max="11264" width="3" style="298" customWidth="1"/>
    <col min="11265" max="11265" width="5.625" style="298" customWidth="1"/>
    <col min="11266" max="11266" width="15" style="298" customWidth="1"/>
    <col min="11267" max="11288" width="6.125" style="298" customWidth="1"/>
    <col min="11289" max="11289" width="0.75" style="298" customWidth="1"/>
    <col min="11290" max="11519" width="9" style="298"/>
    <col min="11520" max="11520" width="3" style="298" customWidth="1"/>
    <col min="11521" max="11521" width="5.625" style="298" customWidth="1"/>
    <col min="11522" max="11522" width="15" style="298" customWidth="1"/>
    <col min="11523" max="11544" width="6.125" style="298" customWidth="1"/>
    <col min="11545" max="11545" width="0.75" style="298" customWidth="1"/>
    <col min="11546" max="11775" width="9" style="298"/>
    <col min="11776" max="11776" width="3" style="298" customWidth="1"/>
    <col min="11777" max="11777" width="5.625" style="298" customWidth="1"/>
    <col min="11778" max="11778" width="15" style="298" customWidth="1"/>
    <col min="11779" max="11800" width="6.125" style="298" customWidth="1"/>
    <col min="11801" max="11801" width="0.75" style="298" customWidth="1"/>
    <col min="11802" max="12031" width="9" style="298"/>
    <col min="12032" max="12032" width="3" style="298" customWidth="1"/>
    <col min="12033" max="12033" width="5.625" style="298" customWidth="1"/>
    <col min="12034" max="12034" width="15" style="298" customWidth="1"/>
    <col min="12035" max="12056" width="6.125" style="298" customWidth="1"/>
    <col min="12057" max="12057" width="0.75" style="298" customWidth="1"/>
    <col min="12058" max="12287" width="9" style="298"/>
    <col min="12288" max="12288" width="3" style="298" customWidth="1"/>
    <col min="12289" max="12289" width="5.625" style="298" customWidth="1"/>
    <col min="12290" max="12290" width="15" style="298" customWidth="1"/>
    <col min="12291" max="12312" width="6.125" style="298" customWidth="1"/>
    <col min="12313" max="12313" width="0.75" style="298" customWidth="1"/>
    <col min="12314" max="12543" width="9" style="298"/>
    <col min="12544" max="12544" width="3" style="298" customWidth="1"/>
    <col min="12545" max="12545" width="5.625" style="298" customWidth="1"/>
    <col min="12546" max="12546" width="15" style="298" customWidth="1"/>
    <col min="12547" max="12568" width="6.125" style="298" customWidth="1"/>
    <col min="12569" max="12569" width="0.75" style="298" customWidth="1"/>
    <col min="12570" max="12799" width="9" style="298"/>
    <col min="12800" max="12800" width="3" style="298" customWidth="1"/>
    <col min="12801" max="12801" width="5.625" style="298" customWidth="1"/>
    <col min="12802" max="12802" width="15" style="298" customWidth="1"/>
    <col min="12803" max="12824" width="6.125" style="298" customWidth="1"/>
    <col min="12825" max="12825" width="0.75" style="298" customWidth="1"/>
    <col min="12826" max="13055" width="9" style="298"/>
    <col min="13056" max="13056" width="3" style="298" customWidth="1"/>
    <col min="13057" max="13057" width="5.625" style="298" customWidth="1"/>
    <col min="13058" max="13058" width="15" style="298" customWidth="1"/>
    <col min="13059" max="13080" width="6.125" style="298" customWidth="1"/>
    <col min="13081" max="13081" width="0.75" style="298" customWidth="1"/>
    <col min="13082" max="13311" width="9" style="298"/>
    <col min="13312" max="13312" width="3" style="298" customWidth="1"/>
    <col min="13313" max="13313" width="5.625" style="298" customWidth="1"/>
    <col min="13314" max="13314" width="15" style="298" customWidth="1"/>
    <col min="13315" max="13336" width="6.125" style="298" customWidth="1"/>
    <col min="13337" max="13337" width="0.75" style="298" customWidth="1"/>
    <col min="13338" max="13567" width="9" style="298"/>
    <col min="13568" max="13568" width="3" style="298" customWidth="1"/>
    <col min="13569" max="13569" width="5.625" style="298" customWidth="1"/>
    <col min="13570" max="13570" width="15" style="298" customWidth="1"/>
    <col min="13571" max="13592" width="6.125" style="298" customWidth="1"/>
    <col min="13593" max="13593" width="0.75" style="298" customWidth="1"/>
    <col min="13594" max="13823" width="9" style="298"/>
    <col min="13824" max="13824" width="3" style="298" customWidth="1"/>
    <col min="13825" max="13825" width="5.625" style="298" customWidth="1"/>
    <col min="13826" max="13826" width="15" style="298" customWidth="1"/>
    <col min="13827" max="13848" width="6.125" style="298" customWidth="1"/>
    <col min="13849" max="13849" width="0.75" style="298" customWidth="1"/>
    <col min="13850" max="14079" width="9" style="298"/>
    <col min="14080" max="14080" width="3" style="298" customWidth="1"/>
    <col min="14081" max="14081" width="5.625" style="298" customWidth="1"/>
    <col min="14082" max="14082" width="15" style="298" customWidth="1"/>
    <col min="14083" max="14104" width="6.125" style="298" customWidth="1"/>
    <col min="14105" max="14105" width="0.75" style="298" customWidth="1"/>
    <col min="14106" max="14335" width="9" style="298"/>
    <col min="14336" max="14336" width="3" style="298" customWidth="1"/>
    <col min="14337" max="14337" width="5.625" style="298" customWidth="1"/>
    <col min="14338" max="14338" width="15" style="298" customWidth="1"/>
    <col min="14339" max="14360" width="6.125" style="298" customWidth="1"/>
    <col min="14361" max="14361" width="0.75" style="298" customWidth="1"/>
    <col min="14362" max="14591" width="9" style="298"/>
    <col min="14592" max="14592" width="3" style="298" customWidth="1"/>
    <col min="14593" max="14593" width="5.625" style="298" customWidth="1"/>
    <col min="14594" max="14594" width="15" style="298" customWidth="1"/>
    <col min="14595" max="14616" width="6.125" style="298" customWidth="1"/>
    <col min="14617" max="14617" width="0.75" style="298" customWidth="1"/>
    <col min="14618" max="14847" width="9" style="298"/>
    <col min="14848" max="14848" width="3" style="298" customWidth="1"/>
    <col min="14849" max="14849" width="5.625" style="298" customWidth="1"/>
    <col min="14850" max="14850" width="15" style="298" customWidth="1"/>
    <col min="14851" max="14872" width="6.125" style="298" customWidth="1"/>
    <col min="14873" max="14873" width="0.75" style="298" customWidth="1"/>
    <col min="14874" max="15103" width="9" style="298"/>
    <col min="15104" max="15104" width="3" style="298" customWidth="1"/>
    <col min="15105" max="15105" width="5.625" style="298" customWidth="1"/>
    <col min="15106" max="15106" width="15" style="298" customWidth="1"/>
    <col min="15107" max="15128" width="6.125" style="298" customWidth="1"/>
    <col min="15129" max="15129" width="0.75" style="298" customWidth="1"/>
    <col min="15130" max="15359" width="9" style="298"/>
    <col min="15360" max="15360" width="3" style="298" customWidth="1"/>
    <col min="15361" max="15361" width="5.625" style="298" customWidth="1"/>
    <col min="15362" max="15362" width="15" style="298" customWidth="1"/>
    <col min="15363" max="15384" width="6.125" style="298" customWidth="1"/>
    <col min="15385" max="15385" width="0.75" style="298" customWidth="1"/>
    <col min="15386" max="15615" width="9" style="298"/>
    <col min="15616" max="15616" width="3" style="298" customWidth="1"/>
    <col min="15617" max="15617" width="5.625" style="298" customWidth="1"/>
    <col min="15618" max="15618" width="15" style="298" customWidth="1"/>
    <col min="15619" max="15640" width="6.125" style="298" customWidth="1"/>
    <col min="15641" max="15641" width="0.75" style="298" customWidth="1"/>
    <col min="15642" max="15871" width="9" style="298"/>
    <col min="15872" max="15872" width="3" style="298" customWidth="1"/>
    <col min="15873" max="15873" width="5.625" style="298" customWidth="1"/>
    <col min="15874" max="15874" width="15" style="298" customWidth="1"/>
    <col min="15875" max="15896" width="6.125" style="298" customWidth="1"/>
    <col min="15897" max="15897" width="0.75" style="298" customWidth="1"/>
    <col min="15898" max="16127" width="9" style="298"/>
    <col min="16128" max="16128" width="3" style="298" customWidth="1"/>
    <col min="16129" max="16129" width="5.625" style="298" customWidth="1"/>
    <col min="16130" max="16130" width="15" style="298" customWidth="1"/>
    <col min="16131" max="16152" width="6.125" style="298" customWidth="1"/>
    <col min="16153" max="16153" width="0.75" style="298" customWidth="1"/>
    <col min="16154" max="16384" width="9" style="298"/>
  </cols>
  <sheetData>
    <row r="1" spans="1:28" ht="34.5" customHeight="1" x14ac:dyDescent="0.15">
      <c r="A1" s="443"/>
      <c r="B1" s="711" t="s">
        <v>176</v>
      </c>
      <c r="C1" s="711"/>
      <c r="D1" s="711"/>
      <c r="E1" s="711"/>
      <c r="F1" s="711"/>
      <c r="G1" s="711"/>
      <c r="H1" s="711"/>
      <c r="I1" s="711"/>
      <c r="J1" s="711"/>
      <c r="K1" s="711"/>
      <c r="L1" s="711"/>
      <c r="M1" s="711"/>
      <c r="N1" s="711"/>
      <c r="O1" s="711"/>
      <c r="P1" s="711"/>
      <c r="Q1" s="711"/>
      <c r="R1" s="711"/>
      <c r="S1" s="711"/>
      <c r="T1" s="711"/>
      <c r="U1" s="711"/>
      <c r="V1" s="711"/>
      <c r="W1" s="711"/>
      <c r="X1" s="711"/>
      <c r="Y1" s="444"/>
      <c r="Z1" s="444"/>
      <c r="AA1" s="444"/>
      <c r="AB1" s="445"/>
    </row>
    <row r="2" spans="1:28" ht="14.25" x14ac:dyDescent="0.15">
      <c r="A2" s="446"/>
      <c r="B2" s="447"/>
      <c r="C2" s="712"/>
      <c r="D2" s="712"/>
      <c r="E2" s="712"/>
      <c r="F2" s="712"/>
      <c r="G2" s="712"/>
      <c r="H2" s="712"/>
      <c r="I2" s="712"/>
      <c r="J2" s="712"/>
      <c r="K2" s="712"/>
      <c r="L2" s="712"/>
      <c r="M2" s="712"/>
      <c r="N2" s="712"/>
      <c r="O2" s="712"/>
      <c r="P2" s="712"/>
      <c r="Q2" s="712"/>
      <c r="R2" s="712"/>
      <c r="S2" s="712"/>
      <c r="T2" s="712"/>
      <c r="U2" s="712"/>
      <c r="V2" s="712"/>
      <c r="W2" s="712"/>
      <c r="X2" s="713"/>
    </row>
    <row r="3" spans="1:28" ht="47.25" customHeight="1" x14ac:dyDescent="0.15">
      <c r="A3" s="714" t="s">
        <v>177</v>
      </c>
      <c r="B3" s="448" t="s">
        <v>178</v>
      </c>
      <c r="C3" s="449" t="s">
        <v>179</v>
      </c>
      <c r="D3" s="449" t="s">
        <v>180</v>
      </c>
      <c r="E3" s="449" t="s">
        <v>181</v>
      </c>
      <c r="F3" s="449" t="s">
        <v>182</v>
      </c>
      <c r="G3" s="449" t="s">
        <v>183</v>
      </c>
      <c r="H3" s="449" t="s">
        <v>184</v>
      </c>
      <c r="I3" s="449" t="s">
        <v>185</v>
      </c>
      <c r="J3" s="449" t="s">
        <v>61</v>
      </c>
      <c r="K3" s="449" t="s">
        <v>186</v>
      </c>
      <c r="L3" s="449" t="s">
        <v>187</v>
      </c>
      <c r="M3" s="449" t="s">
        <v>188</v>
      </c>
      <c r="N3" s="449" t="s">
        <v>189</v>
      </c>
      <c r="O3" s="449" t="s">
        <v>190</v>
      </c>
      <c r="P3" s="449" t="s">
        <v>191</v>
      </c>
      <c r="Q3" s="449" t="s">
        <v>192</v>
      </c>
      <c r="R3" s="449" t="s">
        <v>193</v>
      </c>
      <c r="S3" s="449" t="s">
        <v>194</v>
      </c>
      <c r="T3" s="449" t="s">
        <v>195</v>
      </c>
      <c r="U3" s="449" t="s">
        <v>196</v>
      </c>
      <c r="V3" s="449" t="s">
        <v>197</v>
      </c>
      <c r="W3" s="449" t="s">
        <v>198</v>
      </c>
      <c r="X3" s="449" t="s">
        <v>199</v>
      </c>
    </row>
    <row r="4" spans="1:28" ht="30" customHeight="1" x14ac:dyDescent="0.15">
      <c r="A4" s="715"/>
      <c r="B4" s="450" t="s">
        <v>200</v>
      </c>
      <c r="C4" s="451">
        <v>0.3125</v>
      </c>
      <c r="D4" s="451">
        <v>0.33680555555555558</v>
      </c>
      <c r="E4" s="451">
        <v>0.35069444444444442</v>
      </c>
      <c r="F4" s="451">
        <v>0.37847222222222299</v>
      </c>
      <c r="G4" s="452" t="s">
        <v>201</v>
      </c>
      <c r="H4" s="453">
        <v>0.4201388888888889</v>
      </c>
      <c r="I4" s="452" t="s">
        <v>201</v>
      </c>
      <c r="J4" s="453">
        <v>0.46180555555555558</v>
      </c>
      <c r="K4" s="452" t="s">
        <v>201</v>
      </c>
      <c r="L4" s="453">
        <v>0.50347222222222221</v>
      </c>
      <c r="M4" s="452" t="s">
        <v>201</v>
      </c>
      <c r="N4" s="453">
        <v>0.54513888888888895</v>
      </c>
      <c r="O4" s="452" t="s">
        <v>201</v>
      </c>
      <c r="P4" s="453">
        <v>0.58680555555555558</v>
      </c>
      <c r="Q4" s="452" t="s">
        <v>201</v>
      </c>
      <c r="R4" s="453">
        <v>0.62847222222222221</v>
      </c>
      <c r="S4" s="452" t="s">
        <v>201</v>
      </c>
      <c r="T4" s="451">
        <v>0.67013888888888895</v>
      </c>
      <c r="U4" s="452" t="s">
        <v>201</v>
      </c>
      <c r="V4" s="451">
        <v>0.71180555555555602</v>
      </c>
      <c r="W4" s="452" t="s">
        <v>201</v>
      </c>
      <c r="X4" s="452" t="s">
        <v>201</v>
      </c>
    </row>
    <row r="5" spans="1:28" ht="30" customHeight="1" x14ac:dyDescent="0.15">
      <c r="A5" s="715"/>
      <c r="B5" s="450" t="s">
        <v>202</v>
      </c>
      <c r="C5" s="451">
        <v>0.31666666666666665</v>
      </c>
      <c r="D5" s="451">
        <v>0.34097222222222223</v>
      </c>
      <c r="E5" s="451">
        <v>0.35486111111111113</v>
      </c>
      <c r="F5" s="451">
        <v>0.38263888888888897</v>
      </c>
      <c r="G5" s="451">
        <v>0.3979166666666667</v>
      </c>
      <c r="H5" s="453">
        <v>0.42430555555555555</v>
      </c>
      <c r="I5" s="451">
        <v>0.43958333333333338</v>
      </c>
      <c r="J5" s="453">
        <v>0.46597222222222223</v>
      </c>
      <c r="K5" s="451">
        <v>0.48125000000000001</v>
      </c>
      <c r="L5" s="453">
        <v>0.50763888888888886</v>
      </c>
      <c r="M5" s="453">
        <v>0.5229166666666667</v>
      </c>
      <c r="N5" s="453">
        <v>0.5493055555555556</v>
      </c>
      <c r="O5" s="453">
        <v>0.56458333333333333</v>
      </c>
      <c r="P5" s="453">
        <v>0.59097222222222223</v>
      </c>
      <c r="Q5" s="453">
        <v>0.60625000000000007</v>
      </c>
      <c r="R5" s="453">
        <v>0.63263888888888886</v>
      </c>
      <c r="S5" s="453">
        <v>0.6479166666666667</v>
      </c>
      <c r="T5" s="451">
        <v>0.67430555555555505</v>
      </c>
      <c r="U5" s="451">
        <v>0.68958333333333333</v>
      </c>
      <c r="V5" s="451">
        <v>0.71597222222222201</v>
      </c>
      <c r="W5" s="451">
        <v>0.73125000000000007</v>
      </c>
      <c r="X5" s="451">
        <v>0.7729166666666667</v>
      </c>
    </row>
    <row r="6" spans="1:28" ht="30" customHeight="1" x14ac:dyDescent="0.15">
      <c r="A6" s="715"/>
      <c r="B6" s="450" t="s">
        <v>203</v>
      </c>
      <c r="C6" s="451">
        <v>0.3215277777777778</v>
      </c>
      <c r="D6" s="451">
        <v>0.34583333333333338</v>
      </c>
      <c r="E6" s="451">
        <v>0.35972222222222222</v>
      </c>
      <c r="F6" s="451">
        <v>0.38750000000000001</v>
      </c>
      <c r="G6" s="451">
        <v>0.40277777777777773</v>
      </c>
      <c r="H6" s="453">
        <v>0.4291666666666667</v>
      </c>
      <c r="I6" s="451">
        <v>0.44444444444444442</v>
      </c>
      <c r="J6" s="453">
        <v>0.47083333333333338</v>
      </c>
      <c r="K6" s="451">
        <v>0.4861111111111111</v>
      </c>
      <c r="L6" s="453">
        <v>0.51250000000000007</v>
      </c>
      <c r="M6" s="453">
        <v>0.52777777777777779</v>
      </c>
      <c r="N6" s="453">
        <v>0.5541666666666667</v>
      </c>
      <c r="O6" s="453">
        <v>0.56944444444444442</v>
      </c>
      <c r="P6" s="453">
        <v>0.59583333333333333</v>
      </c>
      <c r="Q6" s="453">
        <v>0.61111111111111105</v>
      </c>
      <c r="R6" s="453">
        <v>0.63750000000000007</v>
      </c>
      <c r="S6" s="453">
        <v>0.65277777777777779</v>
      </c>
      <c r="T6" s="451">
        <v>0.67916666666666703</v>
      </c>
      <c r="U6" s="451">
        <v>0.69444444444444453</v>
      </c>
      <c r="V6" s="451">
        <v>0.72083333333333299</v>
      </c>
      <c r="W6" s="451">
        <v>0.73611111111111116</v>
      </c>
      <c r="X6" s="451">
        <v>0.77777777777777779</v>
      </c>
    </row>
    <row r="7" spans="1:28" ht="30" customHeight="1" x14ac:dyDescent="0.15">
      <c r="A7" s="715"/>
      <c r="B7" s="450" t="s">
        <v>204</v>
      </c>
      <c r="C7" s="451">
        <v>0.32847222222222222</v>
      </c>
      <c r="D7" s="451">
        <v>0.3527777777777778</v>
      </c>
      <c r="E7" s="451">
        <v>0.3666666666666667</v>
      </c>
      <c r="F7" s="451">
        <v>0.39444444444444499</v>
      </c>
      <c r="G7" s="451">
        <v>0.40972222222222227</v>
      </c>
      <c r="H7" s="453">
        <v>0.43611111111111112</v>
      </c>
      <c r="I7" s="451">
        <v>0.4513888888888889</v>
      </c>
      <c r="J7" s="453">
        <v>0.4777777777777778</v>
      </c>
      <c r="K7" s="451">
        <v>0.49305555555555558</v>
      </c>
      <c r="L7" s="453">
        <v>0.51944444444444449</v>
      </c>
      <c r="M7" s="453">
        <v>0.53472222222222221</v>
      </c>
      <c r="N7" s="453">
        <v>0.56111111111111112</v>
      </c>
      <c r="O7" s="453">
        <v>0.57638888888888895</v>
      </c>
      <c r="P7" s="453">
        <v>0.60277777777777775</v>
      </c>
      <c r="Q7" s="453">
        <v>0.61805555555555558</v>
      </c>
      <c r="R7" s="453">
        <v>0.64444444444444449</v>
      </c>
      <c r="S7" s="453">
        <v>0.65972222222222221</v>
      </c>
      <c r="T7" s="451">
        <v>0.68611111111111101</v>
      </c>
      <c r="U7" s="451">
        <v>0.70138888888888884</v>
      </c>
      <c r="V7" s="451">
        <v>0.72777777777777797</v>
      </c>
      <c r="W7" s="451">
        <v>0.74305555555555547</v>
      </c>
      <c r="X7" s="451">
        <v>0.78472222222222221</v>
      </c>
    </row>
    <row r="8" spans="1:28" ht="30" customHeight="1" x14ac:dyDescent="0.15">
      <c r="A8" s="716"/>
      <c r="B8" s="697" t="s">
        <v>44</v>
      </c>
      <c r="C8" s="452" t="s">
        <v>201</v>
      </c>
      <c r="D8" s="452" t="s">
        <v>201</v>
      </c>
      <c r="E8" s="452" t="s">
        <v>201</v>
      </c>
      <c r="F8" s="452" t="s">
        <v>201</v>
      </c>
      <c r="G8" s="451">
        <v>0.41666666666666669</v>
      </c>
      <c r="H8" s="452" t="s">
        <v>201</v>
      </c>
      <c r="I8" s="451">
        <v>0.45833333333333331</v>
      </c>
      <c r="J8" s="452" t="s">
        <v>201</v>
      </c>
      <c r="K8" s="451">
        <v>0.5</v>
      </c>
      <c r="L8" s="452" t="s">
        <v>201</v>
      </c>
      <c r="M8" s="453">
        <v>0.54166666666666663</v>
      </c>
      <c r="N8" s="452" t="s">
        <v>201</v>
      </c>
      <c r="O8" s="453">
        <v>0.58333333333333337</v>
      </c>
      <c r="P8" s="452" t="s">
        <v>201</v>
      </c>
      <c r="Q8" s="452" t="s">
        <v>201</v>
      </c>
      <c r="R8" s="452" t="s">
        <v>201</v>
      </c>
      <c r="S8" s="453">
        <v>0.66666666666666663</v>
      </c>
      <c r="T8" s="452" t="s">
        <v>201</v>
      </c>
      <c r="U8" s="452" t="s">
        <v>201</v>
      </c>
      <c r="V8" s="452" t="s">
        <v>201</v>
      </c>
      <c r="W8" s="451">
        <v>0.75</v>
      </c>
      <c r="X8" s="452" t="s">
        <v>201</v>
      </c>
    </row>
    <row r="9" spans="1:28" ht="10.5" customHeight="1" x14ac:dyDescent="0.15">
      <c r="A9" s="454"/>
      <c r="B9" s="321"/>
      <c r="C9" s="128"/>
      <c r="D9" s="128"/>
      <c r="E9" s="128"/>
      <c r="F9" s="128"/>
      <c r="G9" s="128"/>
      <c r="H9" s="128"/>
      <c r="I9" s="128"/>
      <c r="J9" s="128"/>
      <c r="K9" s="128"/>
      <c r="L9" s="128"/>
      <c r="M9" s="128"/>
      <c r="N9" s="128"/>
      <c r="O9" s="128"/>
      <c r="P9" s="128"/>
      <c r="Q9" s="128"/>
      <c r="R9" s="128"/>
      <c r="S9" s="128"/>
      <c r="T9" s="128"/>
      <c r="U9" s="128"/>
      <c r="V9" s="128"/>
      <c r="W9" s="455"/>
      <c r="X9" s="455"/>
    </row>
    <row r="10" spans="1:28" ht="21" customHeight="1" x14ac:dyDescent="0.15">
      <c r="A10" s="456"/>
      <c r="B10" s="457" t="s">
        <v>205</v>
      </c>
      <c r="C10" s="458" t="s">
        <v>206</v>
      </c>
      <c r="D10" s="449" t="s">
        <v>207</v>
      </c>
      <c r="E10" s="458" t="s">
        <v>206</v>
      </c>
      <c r="F10" s="449" t="s">
        <v>207</v>
      </c>
      <c r="G10" s="458" t="s">
        <v>206</v>
      </c>
      <c r="H10" s="449" t="s">
        <v>207</v>
      </c>
      <c r="I10" s="458" t="s">
        <v>206</v>
      </c>
      <c r="J10" s="449" t="s">
        <v>207</v>
      </c>
      <c r="K10" s="458" t="s">
        <v>206</v>
      </c>
      <c r="L10" s="449" t="s">
        <v>207</v>
      </c>
      <c r="M10" s="458" t="s">
        <v>206</v>
      </c>
      <c r="N10" s="449" t="s">
        <v>207</v>
      </c>
      <c r="O10" s="458" t="s">
        <v>206</v>
      </c>
      <c r="P10" s="449" t="s">
        <v>207</v>
      </c>
      <c r="Q10" s="458" t="s">
        <v>206</v>
      </c>
      <c r="R10" s="449" t="s">
        <v>207</v>
      </c>
      <c r="S10" s="458" t="s">
        <v>206</v>
      </c>
      <c r="T10" s="449" t="s">
        <v>207</v>
      </c>
      <c r="U10" s="458" t="s">
        <v>206</v>
      </c>
      <c r="V10" s="449" t="s">
        <v>207</v>
      </c>
      <c r="W10" s="458" t="s">
        <v>206</v>
      </c>
      <c r="X10" s="458" t="s">
        <v>206</v>
      </c>
    </row>
    <row r="11" spans="1:28" ht="10.5" customHeight="1" x14ac:dyDescent="0.15">
      <c r="A11" s="454"/>
      <c r="B11" s="321"/>
      <c r="C11" s="128"/>
      <c r="D11" s="128"/>
      <c r="E11" s="128"/>
      <c r="F11" s="128"/>
      <c r="G11" s="128"/>
      <c r="H11" s="128"/>
      <c r="I11" s="128"/>
      <c r="J11" s="128"/>
      <c r="K11" s="128"/>
      <c r="L11" s="128"/>
      <c r="M11" s="128"/>
      <c r="N11" s="128"/>
      <c r="O11" s="128"/>
      <c r="P11" s="128"/>
      <c r="Q11" s="128"/>
      <c r="R11" s="128"/>
      <c r="S11" s="128"/>
      <c r="T11" s="128"/>
      <c r="U11" s="128"/>
      <c r="V11" s="128"/>
      <c r="W11" s="455"/>
      <c r="X11" s="455"/>
    </row>
    <row r="12" spans="1:28" ht="10.5" customHeight="1" x14ac:dyDescent="0.15">
      <c r="A12" s="459"/>
      <c r="B12" s="447"/>
      <c r="C12" s="717"/>
      <c r="D12" s="717"/>
      <c r="E12" s="717"/>
      <c r="F12" s="717"/>
      <c r="G12" s="717"/>
      <c r="H12" s="717"/>
      <c r="I12" s="717"/>
      <c r="J12" s="717"/>
      <c r="K12" s="717"/>
      <c r="L12" s="717"/>
      <c r="M12" s="717"/>
      <c r="N12" s="717"/>
      <c r="O12" s="717"/>
      <c r="P12" s="717"/>
      <c r="Q12" s="717"/>
      <c r="R12" s="717"/>
      <c r="S12" s="717"/>
      <c r="T12" s="717"/>
      <c r="U12" s="717"/>
      <c r="V12" s="717"/>
      <c r="W12" s="717"/>
      <c r="X12" s="717"/>
    </row>
    <row r="13" spans="1:28" ht="47.25" customHeight="1" x14ac:dyDescent="0.15">
      <c r="A13" s="718" t="s">
        <v>208</v>
      </c>
      <c r="B13" s="448" t="s">
        <v>178</v>
      </c>
      <c r="C13" s="449" t="s">
        <v>179</v>
      </c>
      <c r="D13" s="449" t="s">
        <v>180</v>
      </c>
      <c r="E13" s="449" t="s">
        <v>181</v>
      </c>
      <c r="F13" s="449" t="s">
        <v>182</v>
      </c>
      <c r="G13" s="449" t="s">
        <v>183</v>
      </c>
      <c r="H13" s="449" t="s">
        <v>184</v>
      </c>
      <c r="I13" s="449" t="s">
        <v>185</v>
      </c>
      <c r="J13" s="449" t="s">
        <v>61</v>
      </c>
      <c r="K13" s="449" t="s">
        <v>186</v>
      </c>
      <c r="L13" s="449" t="s">
        <v>187</v>
      </c>
      <c r="M13" s="449" t="s">
        <v>188</v>
      </c>
      <c r="N13" s="449" t="s">
        <v>189</v>
      </c>
      <c r="O13" s="449" t="s">
        <v>190</v>
      </c>
      <c r="P13" s="449" t="s">
        <v>191</v>
      </c>
      <c r="Q13" s="449" t="s">
        <v>192</v>
      </c>
      <c r="R13" s="449" t="s">
        <v>193</v>
      </c>
      <c r="S13" s="449" t="s">
        <v>194</v>
      </c>
      <c r="T13" s="449" t="s">
        <v>195</v>
      </c>
      <c r="U13" s="449" t="s">
        <v>196</v>
      </c>
      <c r="V13" s="449" t="s">
        <v>197</v>
      </c>
      <c r="W13" s="449" t="s">
        <v>198</v>
      </c>
      <c r="X13" s="449" t="s">
        <v>199</v>
      </c>
    </row>
    <row r="14" spans="1:28" ht="30" customHeight="1" x14ac:dyDescent="0.15">
      <c r="A14" s="719"/>
      <c r="B14" s="697" t="s">
        <v>44</v>
      </c>
      <c r="C14" s="452" t="s">
        <v>201</v>
      </c>
      <c r="D14" s="452" t="s">
        <v>201</v>
      </c>
      <c r="E14" s="452" t="s">
        <v>201</v>
      </c>
      <c r="F14" s="451">
        <v>0.375</v>
      </c>
      <c r="G14" s="452" t="s">
        <v>201</v>
      </c>
      <c r="H14" s="451">
        <v>0.41666666666666669</v>
      </c>
      <c r="I14" s="452" t="s">
        <v>201</v>
      </c>
      <c r="J14" s="451">
        <v>0.45833333333333331</v>
      </c>
      <c r="K14" s="452" t="s">
        <v>201</v>
      </c>
      <c r="L14" s="453">
        <v>0.5</v>
      </c>
      <c r="M14" s="452" t="s">
        <v>201</v>
      </c>
      <c r="N14" s="453">
        <v>0.54166666666666663</v>
      </c>
      <c r="O14" s="452" t="s">
        <v>201</v>
      </c>
      <c r="P14" s="453">
        <v>0.58333333333333337</v>
      </c>
      <c r="Q14" s="452" t="s">
        <v>201</v>
      </c>
      <c r="R14" s="452" t="s">
        <v>201</v>
      </c>
      <c r="S14" s="452" t="s">
        <v>201</v>
      </c>
      <c r="T14" s="451">
        <v>0.66666666666666696</v>
      </c>
      <c r="U14" s="452" t="s">
        <v>201</v>
      </c>
      <c r="V14" s="452" t="s">
        <v>201</v>
      </c>
      <c r="W14" s="452" t="s">
        <v>201</v>
      </c>
      <c r="X14" s="451">
        <v>0.75</v>
      </c>
    </row>
    <row r="15" spans="1:28" ht="30" customHeight="1" x14ac:dyDescent="0.15">
      <c r="A15" s="719"/>
      <c r="B15" s="460" t="s">
        <v>204</v>
      </c>
      <c r="C15" s="451">
        <v>0.29166666666666669</v>
      </c>
      <c r="D15" s="451">
        <v>0.33194444444444443</v>
      </c>
      <c r="E15" s="451">
        <v>0.3611111111111111</v>
      </c>
      <c r="F15" s="451">
        <v>0.38194444444444398</v>
      </c>
      <c r="G15" s="451">
        <v>0.40277777777777801</v>
      </c>
      <c r="H15" s="451">
        <v>0.4236111111111111</v>
      </c>
      <c r="I15" s="453">
        <v>0.44444444444444442</v>
      </c>
      <c r="J15" s="451">
        <v>0.46527777777777773</v>
      </c>
      <c r="K15" s="453">
        <v>0.4861111111111111</v>
      </c>
      <c r="L15" s="453">
        <v>0.50694444444444442</v>
      </c>
      <c r="M15" s="453">
        <v>0.52777777777777779</v>
      </c>
      <c r="N15" s="453">
        <v>0.54861111111111105</v>
      </c>
      <c r="O15" s="453">
        <v>0.56944444444444442</v>
      </c>
      <c r="P15" s="453">
        <v>0.59027777777777779</v>
      </c>
      <c r="Q15" s="453">
        <v>0.61111111111111105</v>
      </c>
      <c r="R15" s="453">
        <v>0.63194444444444442</v>
      </c>
      <c r="S15" s="453">
        <v>0.65277777777777779</v>
      </c>
      <c r="T15" s="451">
        <v>0.67361111111111105</v>
      </c>
      <c r="U15" s="451">
        <v>0.69444444444444398</v>
      </c>
      <c r="V15" s="451">
        <v>0.71527777777777801</v>
      </c>
      <c r="W15" s="451">
        <v>0.74305555555555547</v>
      </c>
      <c r="X15" s="451">
        <v>0.75694444444444398</v>
      </c>
    </row>
    <row r="16" spans="1:28" ht="30" customHeight="1" x14ac:dyDescent="0.15">
      <c r="A16" s="719"/>
      <c r="B16" s="460" t="s">
        <v>203</v>
      </c>
      <c r="C16" s="451">
        <v>0.2986111111111111</v>
      </c>
      <c r="D16" s="451">
        <v>0.33888888888888885</v>
      </c>
      <c r="E16" s="451">
        <v>0.36805555555555558</v>
      </c>
      <c r="F16" s="451">
        <v>0.38888888888888901</v>
      </c>
      <c r="G16" s="451">
        <v>0.40972222222222199</v>
      </c>
      <c r="H16" s="451">
        <v>0.43055555555555558</v>
      </c>
      <c r="I16" s="453">
        <v>0.4513888888888889</v>
      </c>
      <c r="J16" s="451">
        <v>0.47222222222222227</v>
      </c>
      <c r="K16" s="453">
        <v>0.49305555555555558</v>
      </c>
      <c r="L16" s="453">
        <v>0.51388888888888895</v>
      </c>
      <c r="M16" s="453">
        <v>0.53472222222222221</v>
      </c>
      <c r="N16" s="453">
        <v>0.55555555555555558</v>
      </c>
      <c r="O16" s="453">
        <v>0.57638888888888895</v>
      </c>
      <c r="P16" s="453">
        <v>0.59722222222222221</v>
      </c>
      <c r="Q16" s="453">
        <v>0.61805555555555558</v>
      </c>
      <c r="R16" s="453">
        <v>0.63888888888888895</v>
      </c>
      <c r="S16" s="453">
        <v>0.65972222222222221</v>
      </c>
      <c r="T16" s="451">
        <v>0.68055555555555602</v>
      </c>
      <c r="U16" s="451">
        <v>0.70138888888888895</v>
      </c>
      <c r="V16" s="451">
        <v>0.72222222222222199</v>
      </c>
      <c r="W16" s="451">
        <v>0.75</v>
      </c>
      <c r="X16" s="451">
        <v>0.76388888888888895</v>
      </c>
    </row>
    <row r="17" spans="1:24" ht="30" customHeight="1" x14ac:dyDescent="0.15">
      <c r="A17" s="719"/>
      <c r="B17" s="460" t="s">
        <v>209</v>
      </c>
      <c r="C17" s="451">
        <v>0.3034722222222222</v>
      </c>
      <c r="D17" s="451">
        <v>0.34375</v>
      </c>
      <c r="E17" s="451">
        <v>0.37291666666666662</v>
      </c>
      <c r="F17" s="451">
        <v>0.39374999999999999</v>
      </c>
      <c r="G17" s="451">
        <v>0.41458333333333303</v>
      </c>
      <c r="H17" s="451">
        <v>0.43541666666666662</v>
      </c>
      <c r="I17" s="453">
        <v>0.45624999999999999</v>
      </c>
      <c r="J17" s="451">
        <v>0.4770833333333333</v>
      </c>
      <c r="K17" s="453">
        <v>0.49791666666666662</v>
      </c>
      <c r="L17" s="453">
        <v>0.51874999999999993</v>
      </c>
      <c r="M17" s="453">
        <v>0.5395833333333333</v>
      </c>
      <c r="N17" s="453">
        <v>0.56041666666666667</v>
      </c>
      <c r="O17" s="453">
        <v>0.58124999999999993</v>
      </c>
      <c r="P17" s="453">
        <v>0.6020833333333333</v>
      </c>
      <c r="Q17" s="453">
        <v>0.62291666666666667</v>
      </c>
      <c r="R17" s="453">
        <v>0.64374999999999993</v>
      </c>
      <c r="S17" s="453">
        <v>0.6645833333333333</v>
      </c>
      <c r="T17" s="451">
        <v>0.68541666666666701</v>
      </c>
      <c r="U17" s="451">
        <v>0.70625000000000004</v>
      </c>
      <c r="V17" s="451">
        <v>0.72708333333333297</v>
      </c>
      <c r="W17" s="451">
        <v>0.75486111111111109</v>
      </c>
      <c r="X17" s="451">
        <v>0.76875000000000004</v>
      </c>
    </row>
    <row r="18" spans="1:24" ht="30" customHeight="1" x14ac:dyDescent="0.15">
      <c r="A18" s="720"/>
      <c r="B18" s="460" t="s">
        <v>200</v>
      </c>
      <c r="C18" s="451">
        <v>0.30902777777777779</v>
      </c>
      <c r="D18" s="451">
        <v>0.34930555555555554</v>
      </c>
      <c r="E18" s="451">
        <v>0.37847222222222227</v>
      </c>
      <c r="F18" s="452" t="s">
        <v>201</v>
      </c>
      <c r="G18" s="451">
        <v>0.42013888888888901</v>
      </c>
      <c r="H18" s="452" t="s">
        <v>201</v>
      </c>
      <c r="I18" s="453">
        <v>0.46180555555555558</v>
      </c>
      <c r="J18" s="452" t="s">
        <v>201</v>
      </c>
      <c r="K18" s="453">
        <v>0.50347222222222221</v>
      </c>
      <c r="L18" s="452" t="s">
        <v>201</v>
      </c>
      <c r="M18" s="453">
        <v>0.54513888888888895</v>
      </c>
      <c r="N18" s="452" t="s">
        <v>201</v>
      </c>
      <c r="O18" s="453">
        <v>0.58680555555555558</v>
      </c>
      <c r="P18" s="452" t="s">
        <v>201</v>
      </c>
      <c r="Q18" s="453">
        <v>0.62847222222222221</v>
      </c>
      <c r="R18" s="452" t="s">
        <v>201</v>
      </c>
      <c r="S18" s="453">
        <v>0.67013888888888884</v>
      </c>
      <c r="T18" s="452" t="s">
        <v>201</v>
      </c>
      <c r="U18" s="451">
        <v>0.71180555555555602</v>
      </c>
      <c r="V18" s="452" t="s">
        <v>201</v>
      </c>
      <c r="W18" s="451">
        <v>0.76041666666666663</v>
      </c>
      <c r="X18" s="452" t="s">
        <v>201</v>
      </c>
    </row>
    <row r="19" spans="1:24" x14ac:dyDescent="0.15">
      <c r="A19" s="461"/>
      <c r="B19" s="462"/>
      <c r="C19" s="463"/>
      <c r="D19" s="463"/>
      <c r="E19" s="463"/>
      <c r="F19" s="463"/>
      <c r="G19" s="463"/>
      <c r="H19" s="463"/>
      <c r="I19" s="463"/>
      <c r="J19" s="463"/>
      <c r="K19" s="463"/>
      <c r="L19" s="463"/>
      <c r="M19" s="463"/>
      <c r="N19" s="463"/>
      <c r="O19" s="463"/>
      <c r="P19" s="463"/>
      <c r="Q19" s="463"/>
      <c r="R19" s="463"/>
      <c r="S19" s="463"/>
      <c r="T19" s="463"/>
      <c r="U19" s="463"/>
      <c r="V19" s="463"/>
      <c r="W19" s="463"/>
      <c r="X19" s="464"/>
    </row>
    <row r="20" spans="1:24" ht="21" customHeight="1" x14ac:dyDescent="0.15">
      <c r="A20" s="456"/>
      <c r="B20" s="465" t="s">
        <v>205</v>
      </c>
      <c r="C20" s="466" t="s">
        <v>207</v>
      </c>
      <c r="D20" s="467" t="s">
        <v>206</v>
      </c>
      <c r="E20" s="466" t="s">
        <v>207</v>
      </c>
      <c r="F20" s="467" t="s">
        <v>206</v>
      </c>
      <c r="G20" s="466" t="s">
        <v>207</v>
      </c>
      <c r="H20" s="467" t="s">
        <v>206</v>
      </c>
      <c r="I20" s="466" t="s">
        <v>207</v>
      </c>
      <c r="J20" s="467" t="s">
        <v>206</v>
      </c>
      <c r="K20" s="466" t="s">
        <v>207</v>
      </c>
      <c r="L20" s="467" t="s">
        <v>206</v>
      </c>
      <c r="M20" s="466" t="s">
        <v>207</v>
      </c>
      <c r="N20" s="467" t="s">
        <v>206</v>
      </c>
      <c r="O20" s="466" t="s">
        <v>207</v>
      </c>
      <c r="P20" s="467" t="s">
        <v>206</v>
      </c>
      <c r="Q20" s="466" t="s">
        <v>207</v>
      </c>
      <c r="R20" s="467" t="s">
        <v>206</v>
      </c>
      <c r="S20" s="466" t="s">
        <v>207</v>
      </c>
      <c r="T20" s="467" t="s">
        <v>206</v>
      </c>
      <c r="U20" s="466" t="s">
        <v>207</v>
      </c>
      <c r="V20" s="467" t="s">
        <v>206</v>
      </c>
      <c r="W20" s="466" t="s">
        <v>207</v>
      </c>
      <c r="X20" s="467" t="s">
        <v>206</v>
      </c>
    </row>
    <row r="21" spans="1:24" ht="14.25" x14ac:dyDescent="0.15">
      <c r="A21" s="454"/>
      <c r="B21" s="468"/>
      <c r="C21" s="468"/>
      <c r="E21" s="129"/>
      <c r="F21" s="128"/>
      <c r="G21" s="128"/>
      <c r="H21" s="128"/>
      <c r="I21" s="128"/>
      <c r="J21" s="128"/>
      <c r="K21" s="128"/>
      <c r="L21" s="128"/>
      <c r="M21" s="128"/>
      <c r="N21" s="128"/>
      <c r="O21" s="128"/>
      <c r="P21" s="128"/>
      <c r="Q21" s="128"/>
      <c r="R21" s="128"/>
      <c r="S21" s="128"/>
      <c r="T21" s="128"/>
      <c r="U21" s="128"/>
      <c r="V21" s="128"/>
      <c r="W21" s="128"/>
      <c r="X21" s="128"/>
    </row>
    <row r="23" spans="1:24" ht="14.25" x14ac:dyDescent="0.15">
      <c r="B23" s="469" t="s">
        <v>210</v>
      </c>
    </row>
  </sheetData>
  <mergeCells count="5">
    <mergeCell ref="B1:X1"/>
    <mergeCell ref="C2:X2"/>
    <mergeCell ref="A3:A8"/>
    <mergeCell ref="C12:X12"/>
    <mergeCell ref="A13:A18"/>
  </mergeCells>
  <phoneticPr fontId="3"/>
  <pageMargins left="0.31496062992125984" right="0.31496062992125984" top="0.74803149606299213" bottom="0.74803149606299213" header="0.31496062992125984" footer="0.31496062992125984"/>
  <pageSetup paperSize="9" scale="89" orientation="landscape" r:id="rId1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68"/>
  <sheetViews>
    <sheetView view="pageBreakPreview" zoomScaleNormal="100" zoomScaleSheetLayoutView="100" workbookViewId="0">
      <selection activeCell="G4" sqref="G4"/>
    </sheetView>
  </sheetViews>
  <sheetFormatPr defaultColWidth="23.5" defaultRowHeight="13.5" x14ac:dyDescent="0.15"/>
  <cols>
    <col min="1" max="1" width="4.125" style="478" customWidth="1"/>
    <col min="2" max="2" width="18.375" style="478" customWidth="1"/>
    <col min="3" max="4" width="8.875" style="478" customWidth="1"/>
    <col min="5" max="5" width="1.625" style="478" customWidth="1"/>
    <col min="6" max="6" width="4.125" style="186" customWidth="1"/>
    <col min="7" max="7" width="18.25" style="186" customWidth="1"/>
    <col min="8" max="9" width="7.625" style="478" customWidth="1"/>
    <col min="10" max="16384" width="23.5" style="186"/>
  </cols>
  <sheetData>
    <row r="1" spans="1:10" ht="22.5" customHeight="1" x14ac:dyDescent="0.15">
      <c r="A1" s="200"/>
      <c r="B1" s="783" t="s">
        <v>414</v>
      </c>
      <c r="C1" s="783"/>
      <c r="D1" s="783"/>
      <c r="E1" s="783"/>
      <c r="F1" s="783"/>
      <c r="G1" s="783"/>
      <c r="H1" s="783"/>
      <c r="I1" s="783"/>
      <c r="J1" s="647"/>
    </row>
    <row r="2" spans="1:10" ht="15" customHeight="1" x14ac:dyDescent="0.15">
      <c r="A2" s="382"/>
      <c r="B2" s="382"/>
      <c r="C2" s="382"/>
      <c r="D2" s="382"/>
      <c r="E2" s="382"/>
      <c r="F2" s="187"/>
      <c r="G2" s="187"/>
      <c r="H2" s="382"/>
      <c r="I2" s="382"/>
    </row>
    <row r="3" spans="1:10" ht="12.75" customHeight="1" thickBot="1" x14ac:dyDescent="0.2">
      <c r="A3" s="784" t="s">
        <v>415</v>
      </c>
      <c r="B3" s="660" t="s">
        <v>1</v>
      </c>
      <c r="C3" s="201" t="s">
        <v>2</v>
      </c>
      <c r="D3" s="201" t="s">
        <v>3</v>
      </c>
      <c r="E3" s="187"/>
      <c r="F3" s="787" t="s">
        <v>416</v>
      </c>
      <c r="G3" s="661" t="s">
        <v>1</v>
      </c>
      <c r="H3" s="202" t="s">
        <v>2</v>
      </c>
      <c r="I3" s="202" t="s">
        <v>3</v>
      </c>
    </row>
    <row r="4" spans="1:10" ht="12.75" customHeight="1" thickTop="1" x14ac:dyDescent="0.15">
      <c r="A4" s="785"/>
      <c r="B4" s="203" t="s">
        <v>417</v>
      </c>
      <c r="C4" s="204">
        <v>0.2986111111111111</v>
      </c>
      <c r="D4" s="204" t="s">
        <v>418</v>
      </c>
      <c r="E4" s="187"/>
      <c r="F4" s="788"/>
      <c r="G4" s="203" t="s">
        <v>209</v>
      </c>
      <c r="H4" s="205">
        <v>0.67361111111111105</v>
      </c>
      <c r="I4" s="205" t="s">
        <v>54</v>
      </c>
    </row>
    <row r="5" spans="1:10" ht="12.75" customHeight="1" x14ac:dyDescent="0.15">
      <c r="A5" s="785"/>
      <c r="B5" s="190" t="s">
        <v>419</v>
      </c>
      <c r="C5" s="206">
        <v>0.2986111111111111</v>
      </c>
      <c r="D5" s="206" t="s">
        <v>418</v>
      </c>
      <c r="E5" s="187"/>
      <c r="F5" s="788"/>
      <c r="G5" s="190" t="s">
        <v>152</v>
      </c>
      <c r="H5" s="207">
        <v>0.6743055555555556</v>
      </c>
      <c r="I5" s="207" t="s">
        <v>54</v>
      </c>
    </row>
    <row r="6" spans="1:10" ht="12.75" customHeight="1" x14ac:dyDescent="0.15">
      <c r="A6" s="785"/>
      <c r="B6" s="190" t="s">
        <v>420</v>
      </c>
      <c r="C6" s="206">
        <v>0.29930555555555555</v>
      </c>
      <c r="D6" s="206" t="s">
        <v>418</v>
      </c>
      <c r="E6" s="187"/>
      <c r="F6" s="788"/>
      <c r="G6" s="190" t="s">
        <v>413</v>
      </c>
      <c r="H6" s="207">
        <v>0.67638888888888882</v>
      </c>
      <c r="I6" s="207" t="s">
        <v>54</v>
      </c>
    </row>
    <row r="7" spans="1:10" ht="12.75" customHeight="1" x14ac:dyDescent="0.15">
      <c r="A7" s="785"/>
      <c r="B7" s="190" t="s">
        <v>421</v>
      </c>
      <c r="C7" s="206">
        <v>0.3</v>
      </c>
      <c r="D7" s="206" t="s">
        <v>418</v>
      </c>
      <c r="E7" s="187"/>
      <c r="F7" s="788"/>
      <c r="G7" s="190" t="s">
        <v>156</v>
      </c>
      <c r="H7" s="207">
        <v>0.67777777777777781</v>
      </c>
      <c r="I7" s="207" t="s">
        <v>54</v>
      </c>
    </row>
    <row r="8" spans="1:10" ht="12.75" customHeight="1" x14ac:dyDescent="0.15">
      <c r="A8" s="785"/>
      <c r="B8" s="190" t="s">
        <v>422</v>
      </c>
      <c r="C8" s="206">
        <v>0.30138888888888893</v>
      </c>
      <c r="D8" s="206" t="s">
        <v>418</v>
      </c>
      <c r="E8" s="187"/>
      <c r="F8" s="788"/>
      <c r="G8" s="190" t="s">
        <v>401</v>
      </c>
      <c r="H8" s="207">
        <v>0.67916666666666659</v>
      </c>
      <c r="I8" s="207" t="s">
        <v>54</v>
      </c>
    </row>
    <row r="9" spans="1:10" ht="12.75" customHeight="1" x14ac:dyDescent="0.15">
      <c r="A9" s="785"/>
      <c r="B9" s="190" t="s">
        <v>423</v>
      </c>
      <c r="C9" s="206">
        <v>0.30277777777777781</v>
      </c>
      <c r="D9" s="206" t="s">
        <v>418</v>
      </c>
      <c r="E9" s="187"/>
      <c r="F9" s="788"/>
      <c r="G9" s="190" t="s">
        <v>399</v>
      </c>
      <c r="H9" s="207">
        <v>0.68055555555555558</v>
      </c>
      <c r="I9" s="207" t="s">
        <v>54</v>
      </c>
    </row>
    <row r="10" spans="1:10" ht="12.75" customHeight="1" x14ac:dyDescent="0.15">
      <c r="A10" s="785"/>
      <c r="B10" s="190" t="s">
        <v>424</v>
      </c>
      <c r="C10" s="206">
        <v>0.30347222222222225</v>
      </c>
      <c r="D10" s="206">
        <v>0.3034722222222222</v>
      </c>
      <c r="E10" s="187"/>
      <c r="F10" s="788"/>
      <c r="G10" s="208" t="s">
        <v>397</v>
      </c>
      <c r="H10" s="207">
        <v>0.68125000000000002</v>
      </c>
      <c r="I10" s="207" t="s">
        <v>54</v>
      </c>
    </row>
    <row r="11" spans="1:10" ht="12.75" customHeight="1" x14ac:dyDescent="0.15">
      <c r="A11" s="785"/>
      <c r="B11" s="190" t="s">
        <v>425</v>
      </c>
      <c r="C11" s="206">
        <v>0.3041666666666667</v>
      </c>
      <c r="D11" s="206">
        <v>0.30416666666666664</v>
      </c>
      <c r="E11" s="187"/>
      <c r="F11" s="788"/>
      <c r="G11" s="190" t="s">
        <v>395</v>
      </c>
      <c r="H11" s="207">
        <v>0.68263888888888891</v>
      </c>
      <c r="I11" s="207" t="s">
        <v>54</v>
      </c>
    </row>
    <row r="12" spans="1:10" ht="12.75" customHeight="1" x14ac:dyDescent="0.15">
      <c r="A12" s="785"/>
      <c r="B12" s="190" t="s">
        <v>426</v>
      </c>
      <c r="C12" s="206">
        <v>0.30486111111111114</v>
      </c>
      <c r="D12" s="206" t="s">
        <v>427</v>
      </c>
      <c r="E12" s="187"/>
      <c r="F12" s="788"/>
      <c r="G12" s="190" t="s">
        <v>428</v>
      </c>
      <c r="H12" s="207">
        <v>0.68333333333333335</v>
      </c>
      <c r="I12" s="207" t="s">
        <v>54</v>
      </c>
    </row>
    <row r="13" spans="1:10" ht="12.75" customHeight="1" x14ac:dyDescent="0.15">
      <c r="A13" s="785"/>
      <c r="B13" s="190" t="s">
        <v>429</v>
      </c>
      <c r="C13" s="206">
        <v>0.30555555555555558</v>
      </c>
      <c r="D13" s="206" t="s">
        <v>427</v>
      </c>
      <c r="E13" s="187"/>
      <c r="F13" s="788"/>
      <c r="G13" s="190" t="s">
        <v>430</v>
      </c>
      <c r="H13" s="207">
        <v>0.68402777777777779</v>
      </c>
      <c r="I13" s="207" t="s">
        <v>54</v>
      </c>
    </row>
    <row r="14" spans="1:10" ht="12.75" customHeight="1" x14ac:dyDescent="0.15">
      <c r="A14" s="785"/>
      <c r="B14" s="190" t="s">
        <v>431</v>
      </c>
      <c r="C14" s="206">
        <v>0.31111111111111112</v>
      </c>
      <c r="D14" s="206" t="s">
        <v>427</v>
      </c>
      <c r="E14" s="187"/>
      <c r="F14" s="788"/>
      <c r="G14" s="190" t="s">
        <v>153</v>
      </c>
      <c r="H14" s="207">
        <v>0.68402777777777779</v>
      </c>
      <c r="I14" s="207">
        <v>0.74652777777777779</v>
      </c>
    </row>
    <row r="15" spans="1:10" ht="12.75" customHeight="1" x14ac:dyDescent="0.15">
      <c r="A15" s="785"/>
      <c r="B15" s="190" t="s">
        <v>432</v>
      </c>
      <c r="C15" s="206">
        <v>0.31250000000000006</v>
      </c>
      <c r="D15" s="206" t="s">
        <v>427</v>
      </c>
      <c r="E15" s="187"/>
      <c r="F15" s="788"/>
      <c r="G15" s="190" t="s">
        <v>24</v>
      </c>
      <c r="H15" s="207">
        <v>0.68472222222222234</v>
      </c>
      <c r="I15" s="207">
        <v>0.74722222222222234</v>
      </c>
    </row>
    <row r="16" spans="1:10" ht="12.75" customHeight="1" x14ac:dyDescent="0.15">
      <c r="A16" s="785"/>
      <c r="B16" s="190" t="s">
        <v>433</v>
      </c>
      <c r="C16" s="206">
        <v>0.3131944444444445</v>
      </c>
      <c r="D16" s="206" t="s">
        <v>427</v>
      </c>
      <c r="E16" s="187"/>
      <c r="F16" s="788"/>
      <c r="G16" s="190" t="s">
        <v>434</v>
      </c>
      <c r="H16" s="207">
        <v>0.68541666666666667</v>
      </c>
      <c r="I16" s="207">
        <v>0.74791666666666667</v>
      </c>
    </row>
    <row r="17" spans="1:9" ht="12.75" customHeight="1" x14ac:dyDescent="0.15">
      <c r="A17" s="785"/>
      <c r="B17" s="190" t="s">
        <v>435</v>
      </c>
      <c r="C17" s="206">
        <v>0.31388888888888894</v>
      </c>
      <c r="D17" s="206" t="s">
        <v>436</v>
      </c>
      <c r="E17" s="187"/>
      <c r="F17" s="788"/>
      <c r="G17" s="190" t="s">
        <v>18</v>
      </c>
      <c r="H17" s="207">
        <v>0.68611111111111112</v>
      </c>
      <c r="I17" s="207">
        <v>0.74861111111111112</v>
      </c>
    </row>
    <row r="18" spans="1:9" ht="12.75" customHeight="1" x14ac:dyDescent="0.15">
      <c r="A18" s="785"/>
      <c r="B18" s="190" t="s">
        <v>437</v>
      </c>
      <c r="C18" s="206">
        <v>0.31805555555555559</v>
      </c>
      <c r="D18" s="206" t="s">
        <v>436</v>
      </c>
      <c r="E18" s="187"/>
      <c r="F18" s="788"/>
      <c r="G18" s="190" t="s">
        <v>393</v>
      </c>
      <c r="H18" s="207">
        <v>0.68680555555555556</v>
      </c>
      <c r="I18" s="207">
        <v>0.74930555555555556</v>
      </c>
    </row>
    <row r="19" spans="1:9" ht="12.75" customHeight="1" x14ac:dyDescent="0.15">
      <c r="A19" s="785"/>
      <c r="B19" s="190" t="s">
        <v>434</v>
      </c>
      <c r="C19" s="206">
        <v>0.31944444444444448</v>
      </c>
      <c r="D19" s="206" t="s">
        <v>436</v>
      </c>
      <c r="E19" s="187"/>
      <c r="F19" s="788"/>
      <c r="G19" s="190" t="s">
        <v>438</v>
      </c>
      <c r="H19" s="207">
        <v>0.68749999999999989</v>
      </c>
      <c r="I19" s="207">
        <v>0.74999999999999989</v>
      </c>
    </row>
    <row r="20" spans="1:9" ht="12.75" customHeight="1" x14ac:dyDescent="0.15">
      <c r="A20" s="785"/>
      <c r="B20" s="190" t="s">
        <v>24</v>
      </c>
      <c r="C20" s="206">
        <v>0.32013888888888892</v>
      </c>
      <c r="D20" s="206">
        <v>0.31458333333333333</v>
      </c>
      <c r="E20" s="187"/>
      <c r="F20" s="788"/>
      <c r="G20" s="190" t="s">
        <v>439</v>
      </c>
      <c r="H20" s="207">
        <v>0.68888888888888877</v>
      </c>
      <c r="I20" s="207">
        <v>0.75138888888888877</v>
      </c>
    </row>
    <row r="21" spans="1:9" ht="12.75" customHeight="1" x14ac:dyDescent="0.15">
      <c r="A21" s="786"/>
      <c r="B21" s="190" t="s">
        <v>153</v>
      </c>
      <c r="C21" s="206">
        <v>0.32083333333333336</v>
      </c>
      <c r="D21" s="206" t="s">
        <v>440</v>
      </c>
      <c r="E21" s="187"/>
      <c r="F21" s="788"/>
      <c r="G21" s="190" t="s">
        <v>441</v>
      </c>
      <c r="H21" s="207">
        <v>0.69027777777777766</v>
      </c>
      <c r="I21" s="207">
        <v>0.75277777777777766</v>
      </c>
    </row>
    <row r="22" spans="1:9" ht="12.75" customHeight="1" x14ac:dyDescent="0.15">
      <c r="A22" s="209"/>
      <c r="B22" s="186"/>
      <c r="C22" s="186"/>
      <c r="D22" s="186"/>
      <c r="E22" s="187"/>
      <c r="F22" s="788"/>
      <c r="G22" s="190" t="s">
        <v>442</v>
      </c>
      <c r="H22" s="207">
        <v>0.6909722222222221</v>
      </c>
      <c r="I22" s="207">
        <v>0.7534722222222221</v>
      </c>
    </row>
    <row r="23" spans="1:9" ht="12.75" customHeight="1" x14ac:dyDescent="0.15">
      <c r="A23" s="209"/>
      <c r="B23" s="186"/>
      <c r="C23" s="186"/>
      <c r="D23" s="186"/>
      <c r="E23" s="187"/>
      <c r="F23" s="788"/>
      <c r="G23" s="190" t="s">
        <v>435</v>
      </c>
      <c r="H23" s="207">
        <v>0.69166666666666665</v>
      </c>
      <c r="I23" s="207">
        <v>0.75416666666666665</v>
      </c>
    </row>
    <row r="24" spans="1:9" ht="12.75" customHeight="1" x14ac:dyDescent="0.15">
      <c r="A24" s="209"/>
      <c r="B24" s="186"/>
      <c r="C24" s="186"/>
      <c r="D24" s="186"/>
      <c r="E24" s="187"/>
      <c r="F24" s="788"/>
      <c r="G24" s="190" t="s">
        <v>443</v>
      </c>
      <c r="H24" s="207">
        <v>0.69236111111111109</v>
      </c>
      <c r="I24" s="207">
        <v>0.75486111111111109</v>
      </c>
    </row>
    <row r="25" spans="1:9" ht="12.75" customHeight="1" x14ac:dyDescent="0.15">
      <c r="A25" s="648"/>
      <c r="B25" s="186"/>
      <c r="C25" s="186"/>
      <c r="D25" s="186"/>
      <c r="E25" s="187"/>
      <c r="F25" s="788"/>
      <c r="G25" s="190" t="s">
        <v>432</v>
      </c>
      <c r="H25" s="207">
        <v>0.69305555555555542</v>
      </c>
      <c r="I25" s="207">
        <v>0.75555555555555542</v>
      </c>
    </row>
    <row r="26" spans="1:9" ht="12.75" customHeight="1" x14ac:dyDescent="0.15">
      <c r="A26" s="187"/>
      <c r="B26" s="186"/>
      <c r="C26" s="186"/>
      <c r="D26" s="186"/>
      <c r="E26" s="187"/>
      <c r="F26" s="788"/>
      <c r="G26" s="190" t="s">
        <v>431</v>
      </c>
      <c r="H26" s="207">
        <v>0.69444444444444442</v>
      </c>
      <c r="I26" s="207">
        <v>0.75694444444444442</v>
      </c>
    </row>
    <row r="27" spans="1:9" ht="12.75" customHeight="1" x14ac:dyDescent="0.15">
      <c r="A27" s="186"/>
      <c r="B27" s="186"/>
      <c r="C27" s="186"/>
      <c r="D27" s="186"/>
      <c r="E27" s="187"/>
      <c r="F27" s="788"/>
      <c r="G27" s="190" t="s">
        <v>444</v>
      </c>
      <c r="H27" s="207">
        <v>0.69583333333333319</v>
      </c>
      <c r="I27" s="207">
        <v>0.75833333333333319</v>
      </c>
    </row>
    <row r="28" spans="1:9" ht="12.75" customHeight="1" x14ac:dyDescent="0.15">
      <c r="A28" s="186"/>
      <c r="B28" s="186"/>
      <c r="C28" s="186"/>
      <c r="D28" s="186"/>
      <c r="E28" s="187"/>
      <c r="F28" s="788"/>
      <c r="G28" s="190" t="s">
        <v>429</v>
      </c>
      <c r="H28" s="207">
        <v>0.69791666666666663</v>
      </c>
      <c r="I28" s="207">
        <v>0.76041666666666663</v>
      </c>
    </row>
    <row r="29" spans="1:9" ht="12.75" customHeight="1" x14ac:dyDescent="0.15">
      <c r="A29" s="186"/>
      <c r="B29" s="186"/>
      <c r="C29" s="186"/>
      <c r="D29" s="186"/>
      <c r="E29" s="187"/>
      <c r="F29" s="788"/>
      <c r="G29" s="190" t="s">
        <v>445</v>
      </c>
      <c r="H29" s="207">
        <v>0.69861111111111096</v>
      </c>
      <c r="I29" s="207">
        <v>0.76111111111111096</v>
      </c>
    </row>
    <row r="30" spans="1:9" ht="12.75" customHeight="1" x14ac:dyDescent="0.15">
      <c r="A30" s="186"/>
      <c r="B30" s="186"/>
      <c r="C30" s="186"/>
      <c r="D30" s="186"/>
      <c r="E30" s="187"/>
      <c r="F30" s="788"/>
      <c r="G30" s="190" t="s">
        <v>425</v>
      </c>
      <c r="H30" s="207">
        <v>0.6993055555555554</v>
      </c>
      <c r="I30" s="207">
        <v>0.7618055555555554</v>
      </c>
    </row>
    <row r="31" spans="1:9" ht="12.75" customHeight="1" x14ac:dyDescent="0.15">
      <c r="A31" s="186"/>
      <c r="B31" s="186"/>
      <c r="C31" s="186"/>
      <c r="D31" s="186"/>
      <c r="E31" s="187"/>
      <c r="F31" s="788"/>
      <c r="G31" s="190" t="s">
        <v>424</v>
      </c>
      <c r="H31" s="207">
        <v>0.7</v>
      </c>
      <c r="I31" s="207">
        <v>0.76249999999999996</v>
      </c>
    </row>
    <row r="32" spans="1:9" ht="12.75" customHeight="1" x14ac:dyDescent="0.15">
      <c r="A32" s="186"/>
      <c r="B32" s="186"/>
      <c r="C32" s="186"/>
      <c r="D32" s="186"/>
      <c r="E32" s="187"/>
      <c r="F32" s="788"/>
      <c r="G32" s="190" t="s">
        <v>446</v>
      </c>
      <c r="H32" s="207">
        <v>0.7006944444444444</v>
      </c>
      <c r="I32" s="207">
        <v>0.7631944444444444</v>
      </c>
    </row>
    <row r="33" spans="1:10" ht="12.75" customHeight="1" x14ac:dyDescent="0.15">
      <c r="A33" s="186"/>
      <c r="B33" s="186"/>
      <c r="C33" s="186"/>
      <c r="D33" s="186"/>
      <c r="E33" s="187"/>
      <c r="F33" s="788"/>
      <c r="G33" s="190" t="s">
        <v>423</v>
      </c>
      <c r="H33" s="207">
        <v>0.70347222222222217</v>
      </c>
      <c r="I33" s="207">
        <v>0.76597222222222217</v>
      </c>
    </row>
    <row r="34" spans="1:10" ht="12.75" customHeight="1" x14ac:dyDescent="0.15">
      <c r="A34" s="186"/>
      <c r="B34" s="186"/>
      <c r="C34" s="186"/>
      <c r="D34" s="186"/>
      <c r="E34" s="187"/>
      <c r="F34" s="788"/>
      <c r="G34" s="190" t="s">
        <v>422</v>
      </c>
      <c r="H34" s="207">
        <v>0.70486111111111105</v>
      </c>
      <c r="I34" s="207">
        <v>0.76736111111111105</v>
      </c>
    </row>
    <row r="35" spans="1:10" ht="12.75" customHeight="1" x14ac:dyDescent="0.15">
      <c r="A35" s="186"/>
      <c r="B35" s="186"/>
      <c r="C35" s="186"/>
      <c r="D35" s="186"/>
      <c r="E35" s="187"/>
      <c r="F35" s="788"/>
      <c r="G35" s="190" t="s">
        <v>421</v>
      </c>
      <c r="H35" s="207">
        <v>0.70624999999999993</v>
      </c>
      <c r="I35" s="207">
        <v>0.76874999999999993</v>
      </c>
    </row>
    <row r="36" spans="1:10" ht="12.75" customHeight="1" x14ac:dyDescent="0.15">
      <c r="A36" s="186"/>
      <c r="B36" s="186"/>
      <c r="C36" s="186"/>
      <c r="D36" s="186"/>
      <c r="E36" s="187"/>
      <c r="F36" s="788"/>
      <c r="G36" s="190" t="s">
        <v>420</v>
      </c>
      <c r="H36" s="207">
        <v>0.70694444444444426</v>
      </c>
      <c r="I36" s="207">
        <v>0.76944444444444426</v>
      </c>
    </row>
    <row r="37" spans="1:10" ht="12.75" customHeight="1" x14ac:dyDescent="0.15">
      <c r="A37" s="186"/>
      <c r="B37" s="186"/>
      <c r="C37" s="186"/>
      <c r="D37" s="186"/>
      <c r="E37" s="187"/>
      <c r="F37" s="788"/>
      <c r="G37" s="190" t="s">
        <v>419</v>
      </c>
      <c r="H37" s="207">
        <v>0.70763888888888882</v>
      </c>
      <c r="I37" s="207">
        <v>0.77013888888888882</v>
      </c>
    </row>
    <row r="38" spans="1:10" ht="12.75" customHeight="1" x14ac:dyDescent="0.15">
      <c r="A38" s="186"/>
      <c r="E38" s="187"/>
      <c r="F38" s="788"/>
      <c r="G38" s="190" t="s">
        <v>417</v>
      </c>
      <c r="H38" s="207">
        <v>0.70763888888888882</v>
      </c>
      <c r="I38" s="207">
        <v>0.77013888888888882</v>
      </c>
    </row>
    <row r="39" spans="1:10" ht="12.75" customHeight="1" x14ac:dyDescent="0.15">
      <c r="A39" s="186"/>
      <c r="E39" s="187"/>
      <c r="F39" s="789"/>
      <c r="G39" s="190" t="s">
        <v>169</v>
      </c>
      <c r="H39" s="207">
        <v>0.71041666666666659</v>
      </c>
      <c r="I39" s="207" t="s">
        <v>418</v>
      </c>
    </row>
    <row r="40" spans="1:10" ht="15" customHeight="1" x14ac:dyDescent="0.15"/>
    <row r="41" spans="1:10" ht="15" customHeight="1" x14ac:dyDescent="0.15"/>
    <row r="42" spans="1:10" ht="15" customHeight="1" x14ac:dyDescent="0.15"/>
    <row r="43" spans="1:10" ht="15" customHeight="1" x14ac:dyDescent="0.15"/>
    <row r="44" spans="1:10" ht="15" customHeight="1" x14ac:dyDescent="0.15"/>
    <row r="45" spans="1:10" s="478" customFormat="1" ht="15" customHeight="1" x14ac:dyDescent="0.15">
      <c r="F45" s="186"/>
      <c r="G45" s="186"/>
      <c r="J45" s="186"/>
    </row>
    <row r="46" spans="1:10" s="478" customFormat="1" ht="15" customHeight="1" x14ac:dyDescent="0.15">
      <c r="F46" s="186"/>
      <c r="G46" s="186"/>
      <c r="J46" s="186"/>
    </row>
    <row r="47" spans="1:10" s="478" customFormat="1" ht="15" customHeight="1" x14ac:dyDescent="0.15">
      <c r="F47" s="186"/>
      <c r="G47" s="186"/>
      <c r="J47" s="186"/>
    </row>
    <row r="48" spans="1:10" s="478" customFormat="1" ht="15" customHeight="1" x14ac:dyDescent="0.15">
      <c r="F48" s="186"/>
      <c r="G48" s="186"/>
      <c r="J48" s="186"/>
    </row>
    <row r="49" spans="6:10" s="478" customFormat="1" ht="15" customHeight="1" x14ac:dyDescent="0.15">
      <c r="F49" s="186"/>
      <c r="G49" s="186"/>
      <c r="J49" s="186"/>
    </row>
    <row r="50" spans="6:10" s="478" customFormat="1" ht="15" customHeight="1" x14ac:dyDescent="0.15">
      <c r="F50" s="186"/>
      <c r="G50" s="186"/>
      <c r="J50" s="186"/>
    </row>
    <row r="51" spans="6:10" s="478" customFormat="1" ht="15" customHeight="1" x14ac:dyDescent="0.15">
      <c r="F51" s="186"/>
      <c r="G51" s="186"/>
      <c r="J51" s="186"/>
    </row>
    <row r="52" spans="6:10" s="478" customFormat="1" ht="15" customHeight="1" x14ac:dyDescent="0.15">
      <c r="F52" s="186"/>
      <c r="G52" s="186"/>
      <c r="J52" s="186"/>
    </row>
    <row r="53" spans="6:10" s="478" customFormat="1" ht="15" customHeight="1" x14ac:dyDescent="0.15">
      <c r="F53" s="186"/>
      <c r="G53" s="186"/>
      <c r="J53" s="186"/>
    </row>
    <row r="54" spans="6:10" s="478" customFormat="1" ht="15" customHeight="1" x14ac:dyDescent="0.15">
      <c r="F54" s="186"/>
      <c r="G54" s="186"/>
      <c r="J54" s="186"/>
    </row>
    <row r="55" spans="6:10" s="478" customFormat="1" ht="15" customHeight="1" x14ac:dyDescent="0.15">
      <c r="F55" s="186"/>
      <c r="G55" s="186"/>
      <c r="J55" s="186"/>
    </row>
    <row r="56" spans="6:10" s="478" customFormat="1" ht="15" customHeight="1" x14ac:dyDescent="0.15">
      <c r="F56" s="186"/>
      <c r="G56" s="186"/>
      <c r="J56" s="186"/>
    </row>
    <row r="57" spans="6:10" s="478" customFormat="1" ht="15" customHeight="1" x14ac:dyDescent="0.15">
      <c r="F57" s="186"/>
      <c r="G57" s="186"/>
      <c r="J57" s="186"/>
    </row>
    <row r="58" spans="6:10" s="478" customFormat="1" ht="15" customHeight="1" x14ac:dyDescent="0.15">
      <c r="F58" s="186"/>
      <c r="G58" s="186"/>
      <c r="J58" s="186"/>
    </row>
    <row r="59" spans="6:10" s="478" customFormat="1" ht="15" customHeight="1" x14ac:dyDescent="0.15">
      <c r="F59" s="186"/>
      <c r="G59" s="186"/>
      <c r="J59" s="186"/>
    </row>
    <row r="60" spans="6:10" s="478" customFormat="1" ht="15" customHeight="1" x14ac:dyDescent="0.15">
      <c r="F60" s="186"/>
      <c r="G60" s="186"/>
      <c r="J60" s="186"/>
    </row>
    <row r="61" spans="6:10" ht="15" customHeight="1" x14ac:dyDescent="0.15"/>
    <row r="62" spans="6:10" ht="15" customHeight="1" x14ac:dyDescent="0.15"/>
    <row r="63" spans="6:10" ht="15" customHeight="1" x14ac:dyDescent="0.15"/>
    <row r="64" spans="6:10" ht="15" customHeight="1" x14ac:dyDescent="0.15"/>
    <row r="65" ht="15" customHeight="1" x14ac:dyDescent="0.15"/>
    <row r="66" ht="15" customHeight="1" x14ac:dyDescent="0.15"/>
    <row r="67" ht="15" customHeight="1" x14ac:dyDescent="0.15"/>
    <row r="68" ht="15" customHeight="1" x14ac:dyDescent="0.15"/>
  </sheetData>
  <mergeCells count="3">
    <mergeCell ref="B1:I1"/>
    <mergeCell ref="A3:A21"/>
    <mergeCell ref="F3:F39"/>
  </mergeCells>
  <phoneticPr fontId="3"/>
  <pageMargins left="0.78740157480314965" right="0.39370078740157483" top="0.39370078740157483" bottom="0.19685039370078741" header="0.51181102362204722" footer="0.51181102362204722"/>
  <pageSetup paperSize="9" scale="79" orientation="landscape" horizontalDpi="300" verticalDpi="300" r:id="rId1"/>
  <headerFooter alignWithMargins="0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75"/>
  <sheetViews>
    <sheetView view="pageBreakPreview" zoomScaleNormal="100" zoomScaleSheetLayoutView="100" workbookViewId="0">
      <selection activeCell="G4" sqref="G4"/>
    </sheetView>
  </sheetViews>
  <sheetFormatPr defaultColWidth="23.5" defaultRowHeight="13.5" x14ac:dyDescent="0.15"/>
  <cols>
    <col min="1" max="1" width="4.125" style="41" customWidth="1"/>
    <col min="2" max="2" width="18.375" style="41" customWidth="1"/>
    <col min="3" max="3" width="7.625" style="41" customWidth="1"/>
    <col min="4" max="4" width="2" style="41" customWidth="1"/>
    <col min="5" max="5" width="4.125" style="2" customWidth="1"/>
    <col min="6" max="6" width="18.25" style="2" customWidth="1"/>
    <col min="7" max="8" width="7.625" style="41" customWidth="1"/>
    <col min="9" max="9" width="23.5" style="2" customWidth="1"/>
    <col min="10" max="256" width="23.5" style="2"/>
    <col min="257" max="257" width="4.125" style="2" customWidth="1"/>
    <col min="258" max="258" width="18.375" style="2" customWidth="1"/>
    <col min="259" max="259" width="7.625" style="2" customWidth="1"/>
    <col min="260" max="260" width="2" style="2" customWidth="1"/>
    <col min="261" max="261" width="4.125" style="2" customWidth="1"/>
    <col min="262" max="262" width="18.25" style="2" customWidth="1"/>
    <col min="263" max="264" width="7.625" style="2" customWidth="1"/>
    <col min="265" max="265" width="23.5" style="2" customWidth="1"/>
    <col min="266" max="512" width="23.5" style="2"/>
    <col min="513" max="513" width="4.125" style="2" customWidth="1"/>
    <col min="514" max="514" width="18.375" style="2" customWidth="1"/>
    <col min="515" max="515" width="7.625" style="2" customWidth="1"/>
    <col min="516" max="516" width="2" style="2" customWidth="1"/>
    <col min="517" max="517" width="4.125" style="2" customWidth="1"/>
    <col min="518" max="518" width="18.25" style="2" customWidth="1"/>
    <col min="519" max="520" width="7.625" style="2" customWidth="1"/>
    <col min="521" max="521" width="23.5" style="2" customWidth="1"/>
    <col min="522" max="768" width="23.5" style="2"/>
    <col min="769" max="769" width="4.125" style="2" customWidth="1"/>
    <col min="770" max="770" width="18.375" style="2" customWidth="1"/>
    <col min="771" max="771" width="7.625" style="2" customWidth="1"/>
    <col min="772" max="772" width="2" style="2" customWidth="1"/>
    <col min="773" max="773" width="4.125" style="2" customWidth="1"/>
    <col min="774" max="774" width="18.25" style="2" customWidth="1"/>
    <col min="775" max="776" width="7.625" style="2" customWidth="1"/>
    <col min="777" max="777" width="23.5" style="2" customWidth="1"/>
    <col min="778" max="1024" width="23.5" style="2"/>
    <col min="1025" max="1025" width="4.125" style="2" customWidth="1"/>
    <col min="1026" max="1026" width="18.375" style="2" customWidth="1"/>
    <col min="1027" max="1027" width="7.625" style="2" customWidth="1"/>
    <col min="1028" max="1028" width="2" style="2" customWidth="1"/>
    <col min="1029" max="1029" width="4.125" style="2" customWidth="1"/>
    <col min="1030" max="1030" width="18.25" style="2" customWidth="1"/>
    <col min="1031" max="1032" width="7.625" style="2" customWidth="1"/>
    <col min="1033" max="1033" width="23.5" style="2" customWidth="1"/>
    <col min="1034" max="1280" width="23.5" style="2"/>
    <col min="1281" max="1281" width="4.125" style="2" customWidth="1"/>
    <col min="1282" max="1282" width="18.375" style="2" customWidth="1"/>
    <col min="1283" max="1283" width="7.625" style="2" customWidth="1"/>
    <col min="1284" max="1284" width="2" style="2" customWidth="1"/>
    <col min="1285" max="1285" width="4.125" style="2" customWidth="1"/>
    <col min="1286" max="1286" width="18.25" style="2" customWidth="1"/>
    <col min="1287" max="1288" width="7.625" style="2" customWidth="1"/>
    <col min="1289" max="1289" width="23.5" style="2" customWidth="1"/>
    <col min="1290" max="1536" width="23.5" style="2"/>
    <col min="1537" max="1537" width="4.125" style="2" customWidth="1"/>
    <col min="1538" max="1538" width="18.375" style="2" customWidth="1"/>
    <col min="1539" max="1539" width="7.625" style="2" customWidth="1"/>
    <col min="1540" max="1540" width="2" style="2" customWidth="1"/>
    <col min="1541" max="1541" width="4.125" style="2" customWidth="1"/>
    <col min="1542" max="1542" width="18.25" style="2" customWidth="1"/>
    <col min="1543" max="1544" width="7.625" style="2" customWidth="1"/>
    <col min="1545" max="1545" width="23.5" style="2" customWidth="1"/>
    <col min="1546" max="1792" width="23.5" style="2"/>
    <col min="1793" max="1793" width="4.125" style="2" customWidth="1"/>
    <col min="1794" max="1794" width="18.375" style="2" customWidth="1"/>
    <col min="1795" max="1795" width="7.625" style="2" customWidth="1"/>
    <col min="1796" max="1796" width="2" style="2" customWidth="1"/>
    <col min="1797" max="1797" width="4.125" style="2" customWidth="1"/>
    <col min="1798" max="1798" width="18.25" style="2" customWidth="1"/>
    <col min="1799" max="1800" width="7.625" style="2" customWidth="1"/>
    <col min="1801" max="1801" width="23.5" style="2" customWidth="1"/>
    <col min="1802" max="2048" width="23.5" style="2"/>
    <col min="2049" max="2049" width="4.125" style="2" customWidth="1"/>
    <col min="2050" max="2050" width="18.375" style="2" customWidth="1"/>
    <col min="2051" max="2051" width="7.625" style="2" customWidth="1"/>
    <col min="2052" max="2052" width="2" style="2" customWidth="1"/>
    <col min="2053" max="2053" width="4.125" style="2" customWidth="1"/>
    <col min="2054" max="2054" width="18.25" style="2" customWidth="1"/>
    <col min="2055" max="2056" width="7.625" style="2" customWidth="1"/>
    <col min="2057" max="2057" width="23.5" style="2" customWidth="1"/>
    <col min="2058" max="2304" width="23.5" style="2"/>
    <col min="2305" max="2305" width="4.125" style="2" customWidth="1"/>
    <col min="2306" max="2306" width="18.375" style="2" customWidth="1"/>
    <col min="2307" max="2307" width="7.625" style="2" customWidth="1"/>
    <col min="2308" max="2308" width="2" style="2" customWidth="1"/>
    <col min="2309" max="2309" width="4.125" style="2" customWidth="1"/>
    <col min="2310" max="2310" width="18.25" style="2" customWidth="1"/>
    <col min="2311" max="2312" width="7.625" style="2" customWidth="1"/>
    <col min="2313" max="2313" width="23.5" style="2" customWidth="1"/>
    <col min="2314" max="2560" width="23.5" style="2"/>
    <col min="2561" max="2561" width="4.125" style="2" customWidth="1"/>
    <col min="2562" max="2562" width="18.375" style="2" customWidth="1"/>
    <col min="2563" max="2563" width="7.625" style="2" customWidth="1"/>
    <col min="2564" max="2564" width="2" style="2" customWidth="1"/>
    <col min="2565" max="2565" width="4.125" style="2" customWidth="1"/>
    <col min="2566" max="2566" width="18.25" style="2" customWidth="1"/>
    <col min="2567" max="2568" width="7.625" style="2" customWidth="1"/>
    <col min="2569" max="2569" width="23.5" style="2" customWidth="1"/>
    <col min="2570" max="2816" width="23.5" style="2"/>
    <col min="2817" max="2817" width="4.125" style="2" customWidth="1"/>
    <col min="2818" max="2818" width="18.375" style="2" customWidth="1"/>
    <col min="2819" max="2819" width="7.625" style="2" customWidth="1"/>
    <col min="2820" max="2820" width="2" style="2" customWidth="1"/>
    <col min="2821" max="2821" width="4.125" style="2" customWidth="1"/>
    <col min="2822" max="2822" width="18.25" style="2" customWidth="1"/>
    <col min="2823" max="2824" width="7.625" style="2" customWidth="1"/>
    <col min="2825" max="2825" width="23.5" style="2" customWidth="1"/>
    <col min="2826" max="3072" width="23.5" style="2"/>
    <col min="3073" max="3073" width="4.125" style="2" customWidth="1"/>
    <col min="3074" max="3074" width="18.375" style="2" customWidth="1"/>
    <col min="3075" max="3075" width="7.625" style="2" customWidth="1"/>
    <col min="3076" max="3076" width="2" style="2" customWidth="1"/>
    <col min="3077" max="3077" width="4.125" style="2" customWidth="1"/>
    <col min="3078" max="3078" width="18.25" style="2" customWidth="1"/>
    <col min="3079" max="3080" width="7.625" style="2" customWidth="1"/>
    <col min="3081" max="3081" width="23.5" style="2" customWidth="1"/>
    <col min="3082" max="3328" width="23.5" style="2"/>
    <col min="3329" max="3329" width="4.125" style="2" customWidth="1"/>
    <col min="3330" max="3330" width="18.375" style="2" customWidth="1"/>
    <col min="3331" max="3331" width="7.625" style="2" customWidth="1"/>
    <col min="3332" max="3332" width="2" style="2" customWidth="1"/>
    <col min="3333" max="3333" width="4.125" style="2" customWidth="1"/>
    <col min="3334" max="3334" width="18.25" style="2" customWidth="1"/>
    <col min="3335" max="3336" width="7.625" style="2" customWidth="1"/>
    <col min="3337" max="3337" width="23.5" style="2" customWidth="1"/>
    <col min="3338" max="3584" width="23.5" style="2"/>
    <col min="3585" max="3585" width="4.125" style="2" customWidth="1"/>
    <col min="3586" max="3586" width="18.375" style="2" customWidth="1"/>
    <col min="3587" max="3587" width="7.625" style="2" customWidth="1"/>
    <col min="3588" max="3588" width="2" style="2" customWidth="1"/>
    <col min="3589" max="3589" width="4.125" style="2" customWidth="1"/>
    <col min="3590" max="3590" width="18.25" style="2" customWidth="1"/>
    <col min="3591" max="3592" width="7.625" style="2" customWidth="1"/>
    <col min="3593" max="3593" width="23.5" style="2" customWidth="1"/>
    <col min="3594" max="3840" width="23.5" style="2"/>
    <col min="3841" max="3841" width="4.125" style="2" customWidth="1"/>
    <col min="3842" max="3842" width="18.375" style="2" customWidth="1"/>
    <col min="3843" max="3843" width="7.625" style="2" customWidth="1"/>
    <col min="3844" max="3844" width="2" style="2" customWidth="1"/>
    <col min="3845" max="3845" width="4.125" style="2" customWidth="1"/>
    <col min="3846" max="3846" width="18.25" style="2" customWidth="1"/>
    <col min="3847" max="3848" width="7.625" style="2" customWidth="1"/>
    <col min="3849" max="3849" width="23.5" style="2" customWidth="1"/>
    <col min="3850" max="4096" width="23.5" style="2"/>
    <col min="4097" max="4097" width="4.125" style="2" customWidth="1"/>
    <col min="4098" max="4098" width="18.375" style="2" customWidth="1"/>
    <col min="4099" max="4099" width="7.625" style="2" customWidth="1"/>
    <col min="4100" max="4100" width="2" style="2" customWidth="1"/>
    <col min="4101" max="4101" width="4.125" style="2" customWidth="1"/>
    <col min="4102" max="4102" width="18.25" style="2" customWidth="1"/>
    <col min="4103" max="4104" width="7.625" style="2" customWidth="1"/>
    <col min="4105" max="4105" width="23.5" style="2" customWidth="1"/>
    <col min="4106" max="4352" width="23.5" style="2"/>
    <col min="4353" max="4353" width="4.125" style="2" customWidth="1"/>
    <col min="4354" max="4354" width="18.375" style="2" customWidth="1"/>
    <col min="4355" max="4355" width="7.625" style="2" customWidth="1"/>
    <col min="4356" max="4356" width="2" style="2" customWidth="1"/>
    <col min="4357" max="4357" width="4.125" style="2" customWidth="1"/>
    <col min="4358" max="4358" width="18.25" style="2" customWidth="1"/>
    <col min="4359" max="4360" width="7.625" style="2" customWidth="1"/>
    <col min="4361" max="4361" width="23.5" style="2" customWidth="1"/>
    <col min="4362" max="4608" width="23.5" style="2"/>
    <col min="4609" max="4609" width="4.125" style="2" customWidth="1"/>
    <col min="4610" max="4610" width="18.375" style="2" customWidth="1"/>
    <col min="4611" max="4611" width="7.625" style="2" customWidth="1"/>
    <col min="4612" max="4612" width="2" style="2" customWidth="1"/>
    <col min="4613" max="4613" width="4.125" style="2" customWidth="1"/>
    <col min="4614" max="4614" width="18.25" style="2" customWidth="1"/>
    <col min="4615" max="4616" width="7.625" style="2" customWidth="1"/>
    <col min="4617" max="4617" width="23.5" style="2" customWidth="1"/>
    <col min="4618" max="4864" width="23.5" style="2"/>
    <col min="4865" max="4865" width="4.125" style="2" customWidth="1"/>
    <col min="4866" max="4866" width="18.375" style="2" customWidth="1"/>
    <col min="4867" max="4867" width="7.625" style="2" customWidth="1"/>
    <col min="4868" max="4868" width="2" style="2" customWidth="1"/>
    <col min="4869" max="4869" width="4.125" style="2" customWidth="1"/>
    <col min="4870" max="4870" width="18.25" style="2" customWidth="1"/>
    <col min="4871" max="4872" width="7.625" style="2" customWidth="1"/>
    <col min="4873" max="4873" width="23.5" style="2" customWidth="1"/>
    <col min="4874" max="5120" width="23.5" style="2"/>
    <col min="5121" max="5121" width="4.125" style="2" customWidth="1"/>
    <col min="5122" max="5122" width="18.375" style="2" customWidth="1"/>
    <col min="5123" max="5123" width="7.625" style="2" customWidth="1"/>
    <col min="5124" max="5124" width="2" style="2" customWidth="1"/>
    <col min="5125" max="5125" width="4.125" style="2" customWidth="1"/>
    <col min="5126" max="5126" width="18.25" style="2" customWidth="1"/>
    <col min="5127" max="5128" width="7.625" style="2" customWidth="1"/>
    <col min="5129" max="5129" width="23.5" style="2" customWidth="1"/>
    <col min="5130" max="5376" width="23.5" style="2"/>
    <col min="5377" max="5377" width="4.125" style="2" customWidth="1"/>
    <col min="5378" max="5378" width="18.375" style="2" customWidth="1"/>
    <col min="5379" max="5379" width="7.625" style="2" customWidth="1"/>
    <col min="5380" max="5380" width="2" style="2" customWidth="1"/>
    <col min="5381" max="5381" width="4.125" style="2" customWidth="1"/>
    <col min="5382" max="5382" width="18.25" style="2" customWidth="1"/>
    <col min="5383" max="5384" width="7.625" style="2" customWidth="1"/>
    <col min="5385" max="5385" width="23.5" style="2" customWidth="1"/>
    <col min="5386" max="5632" width="23.5" style="2"/>
    <col min="5633" max="5633" width="4.125" style="2" customWidth="1"/>
    <col min="5634" max="5634" width="18.375" style="2" customWidth="1"/>
    <col min="5635" max="5635" width="7.625" style="2" customWidth="1"/>
    <col min="5636" max="5636" width="2" style="2" customWidth="1"/>
    <col min="5637" max="5637" width="4.125" style="2" customWidth="1"/>
    <col min="5638" max="5638" width="18.25" style="2" customWidth="1"/>
    <col min="5639" max="5640" width="7.625" style="2" customWidth="1"/>
    <col min="5641" max="5641" width="23.5" style="2" customWidth="1"/>
    <col min="5642" max="5888" width="23.5" style="2"/>
    <col min="5889" max="5889" width="4.125" style="2" customWidth="1"/>
    <col min="5890" max="5890" width="18.375" style="2" customWidth="1"/>
    <col min="5891" max="5891" width="7.625" style="2" customWidth="1"/>
    <col min="5892" max="5892" width="2" style="2" customWidth="1"/>
    <col min="5893" max="5893" width="4.125" style="2" customWidth="1"/>
    <col min="5894" max="5894" width="18.25" style="2" customWidth="1"/>
    <col min="5895" max="5896" width="7.625" style="2" customWidth="1"/>
    <col min="5897" max="5897" width="23.5" style="2" customWidth="1"/>
    <col min="5898" max="6144" width="23.5" style="2"/>
    <col min="6145" max="6145" width="4.125" style="2" customWidth="1"/>
    <col min="6146" max="6146" width="18.375" style="2" customWidth="1"/>
    <col min="6147" max="6147" width="7.625" style="2" customWidth="1"/>
    <col min="6148" max="6148" width="2" style="2" customWidth="1"/>
    <col min="6149" max="6149" width="4.125" style="2" customWidth="1"/>
    <col min="6150" max="6150" width="18.25" style="2" customWidth="1"/>
    <col min="6151" max="6152" width="7.625" style="2" customWidth="1"/>
    <col min="6153" max="6153" width="23.5" style="2" customWidth="1"/>
    <col min="6154" max="6400" width="23.5" style="2"/>
    <col min="6401" max="6401" width="4.125" style="2" customWidth="1"/>
    <col min="6402" max="6402" width="18.375" style="2" customWidth="1"/>
    <col min="6403" max="6403" width="7.625" style="2" customWidth="1"/>
    <col min="6404" max="6404" width="2" style="2" customWidth="1"/>
    <col min="6405" max="6405" width="4.125" style="2" customWidth="1"/>
    <col min="6406" max="6406" width="18.25" style="2" customWidth="1"/>
    <col min="6407" max="6408" width="7.625" style="2" customWidth="1"/>
    <col min="6409" max="6409" width="23.5" style="2" customWidth="1"/>
    <col min="6410" max="6656" width="23.5" style="2"/>
    <col min="6657" max="6657" width="4.125" style="2" customWidth="1"/>
    <col min="6658" max="6658" width="18.375" style="2" customWidth="1"/>
    <col min="6659" max="6659" width="7.625" style="2" customWidth="1"/>
    <col min="6660" max="6660" width="2" style="2" customWidth="1"/>
    <col min="6661" max="6661" width="4.125" style="2" customWidth="1"/>
    <col min="6662" max="6662" width="18.25" style="2" customWidth="1"/>
    <col min="6663" max="6664" width="7.625" style="2" customWidth="1"/>
    <col min="6665" max="6665" width="23.5" style="2" customWidth="1"/>
    <col min="6666" max="6912" width="23.5" style="2"/>
    <col min="6913" max="6913" width="4.125" style="2" customWidth="1"/>
    <col min="6914" max="6914" width="18.375" style="2" customWidth="1"/>
    <col min="6915" max="6915" width="7.625" style="2" customWidth="1"/>
    <col min="6916" max="6916" width="2" style="2" customWidth="1"/>
    <col min="6917" max="6917" width="4.125" style="2" customWidth="1"/>
    <col min="6918" max="6918" width="18.25" style="2" customWidth="1"/>
    <col min="6919" max="6920" width="7.625" style="2" customWidth="1"/>
    <col min="6921" max="6921" width="23.5" style="2" customWidth="1"/>
    <col min="6922" max="7168" width="23.5" style="2"/>
    <col min="7169" max="7169" width="4.125" style="2" customWidth="1"/>
    <col min="7170" max="7170" width="18.375" style="2" customWidth="1"/>
    <col min="7171" max="7171" width="7.625" style="2" customWidth="1"/>
    <col min="7172" max="7172" width="2" style="2" customWidth="1"/>
    <col min="7173" max="7173" width="4.125" style="2" customWidth="1"/>
    <col min="7174" max="7174" width="18.25" style="2" customWidth="1"/>
    <col min="7175" max="7176" width="7.625" style="2" customWidth="1"/>
    <col min="7177" max="7177" width="23.5" style="2" customWidth="1"/>
    <col min="7178" max="7424" width="23.5" style="2"/>
    <col min="7425" max="7425" width="4.125" style="2" customWidth="1"/>
    <col min="7426" max="7426" width="18.375" style="2" customWidth="1"/>
    <col min="7427" max="7427" width="7.625" style="2" customWidth="1"/>
    <col min="7428" max="7428" width="2" style="2" customWidth="1"/>
    <col min="7429" max="7429" width="4.125" style="2" customWidth="1"/>
    <col min="7430" max="7430" width="18.25" style="2" customWidth="1"/>
    <col min="7431" max="7432" width="7.625" style="2" customWidth="1"/>
    <col min="7433" max="7433" width="23.5" style="2" customWidth="1"/>
    <col min="7434" max="7680" width="23.5" style="2"/>
    <col min="7681" max="7681" width="4.125" style="2" customWidth="1"/>
    <col min="7682" max="7682" width="18.375" style="2" customWidth="1"/>
    <col min="7683" max="7683" width="7.625" style="2" customWidth="1"/>
    <col min="7684" max="7684" width="2" style="2" customWidth="1"/>
    <col min="7685" max="7685" width="4.125" style="2" customWidth="1"/>
    <col min="7686" max="7686" width="18.25" style="2" customWidth="1"/>
    <col min="7687" max="7688" width="7.625" style="2" customWidth="1"/>
    <col min="7689" max="7689" width="23.5" style="2" customWidth="1"/>
    <col min="7690" max="7936" width="23.5" style="2"/>
    <col min="7937" max="7937" width="4.125" style="2" customWidth="1"/>
    <col min="7938" max="7938" width="18.375" style="2" customWidth="1"/>
    <col min="7939" max="7939" width="7.625" style="2" customWidth="1"/>
    <col min="7940" max="7940" width="2" style="2" customWidth="1"/>
    <col min="7941" max="7941" width="4.125" style="2" customWidth="1"/>
    <col min="7942" max="7942" width="18.25" style="2" customWidth="1"/>
    <col min="7943" max="7944" width="7.625" style="2" customWidth="1"/>
    <col min="7945" max="7945" width="23.5" style="2" customWidth="1"/>
    <col min="7946" max="8192" width="23.5" style="2"/>
    <col min="8193" max="8193" width="4.125" style="2" customWidth="1"/>
    <col min="8194" max="8194" width="18.375" style="2" customWidth="1"/>
    <col min="8195" max="8195" width="7.625" style="2" customWidth="1"/>
    <col min="8196" max="8196" width="2" style="2" customWidth="1"/>
    <col min="8197" max="8197" width="4.125" style="2" customWidth="1"/>
    <col min="8198" max="8198" width="18.25" style="2" customWidth="1"/>
    <col min="8199" max="8200" width="7.625" style="2" customWidth="1"/>
    <col min="8201" max="8201" width="23.5" style="2" customWidth="1"/>
    <col min="8202" max="8448" width="23.5" style="2"/>
    <col min="8449" max="8449" width="4.125" style="2" customWidth="1"/>
    <col min="8450" max="8450" width="18.375" style="2" customWidth="1"/>
    <col min="8451" max="8451" width="7.625" style="2" customWidth="1"/>
    <col min="8452" max="8452" width="2" style="2" customWidth="1"/>
    <col min="8453" max="8453" width="4.125" style="2" customWidth="1"/>
    <col min="8454" max="8454" width="18.25" style="2" customWidth="1"/>
    <col min="8455" max="8456" width="7.625" style="2" customWidth="1"/>
    <col min="8457" max="8457" width="23.5" style="2" customWidth="1"/>
    <col min="8458" max="8704" width="23.5" style="2"/>
    <col min="8705" max="8705" width="4.125" style="2" customWidth="1"/>
    <col min="8706" max="8706" width="18.375" style="2" customWidth="1"/>
    <col min="8707" max="8707" width="7.625" style="2" customWidth="1"/>
    <col min="8708" max="8708" width="2" style="2" customWidth="1"/>
    <col min="8709" max="8709" width="4.125" style="2" customWidth="1"/>
    <col min="8710" max="8710" width="18.25" style="2" customWidth="1"/>
    <col min="8711" max="8712" width="7.625" style="2" customWidth="1"/>
    <col min="8713" max="8713" width="23.5" style="2" customWidth="1"/>
    <col min="8714" max="8960" width="23.5" style="2"/>
    <col min="8961" max="8961" width="4.125" style="2" customWidth="1"/>
    <col min="8962" max="8962" width="18.375" style="2" customWidth="1"/>
    <col min="8963" max="8963" width="7.625" style="2" customWidth="1"/>
    <col min="8964" max="8964" width="2" style="2" customWidth="1"/>
    <col min="8965" max="8965" width="4.125" style="2" customWidth="1"/>
    <col min="8966" max="8966" width="18.25" style="2" customWidth="1"/>
    <col min="8967" max="8968" width="7.625" style="2" customWidth="1"/>
    <col min="8969" max="8969" width="23.5" style="2" customWidth="1"/>
    <col min="8970" max="9216" width="23.5" style="2"/>
    <col min="9217" max="9217" width="4.125" style="2" customWidth="1"/>
    <col min="9218" max="9218" width="18.375" style="2" customWidth="1"/>
    <col min="9219" max="9219" width="7.625" style="2" customWidth="1"/>
    <col min="9220" max="9220" width="2" style="2" customWidth="1"/>
    <col min="9221" max="9221" width="4.125" style="2" customWidth="1"/>
    <col min="9222" max="9222" width="18.25" style="2" customWidth="1"/>
    <col min="9223" max="9224" width="7.625" style="2" customWidth="1"/>
    <col min="9225" max="9225" width="23.5" style="2" customWidth="1"/>
    <col min="9226" max="9472" width="23.5" style="2"/>
    <col min="9473" max="9473" width="4.125" style="2" customWidth="1"/>
    <col min="9474" max="9474" width="18.375" style="2" customWidth="1"/>
    <col min="9475" max="9475" width="7.625" style="2" customWidth="1"/>
    <col min="9476" max="9476" width="2" style="2" customWidth="1"/>
    <col min="9477" max="9477" width="4.125" style="2" customWidth="1"/>
    <col min="9478" max="9478" width="18.25" style="2" customWidth="1"/>
    <col min="9479" max="9480" width="7.625" style="2" customWidth="1"/>
    <col min="9481" max="9481" width="23.5" style="2" customWidth="1"/>
    <col min="9482" max="9728" width="23.5" style="2"/>
    <col min="9729" max="9729" width="4.125" style="2" customWidth="1"/>
    <col min="9730" max="9730" width="18.375" style="2" customWidth="1"/>
    <col min="9731" max="9731" width="7.625" style="2" customWidth="1"/>
    <col min="9732" max="9732" width="2" style="2" customWidth="1"/>
    <col min="9733" max="9733" width="4.125" style="2" customWidth="1"/>
    <col min="9734" max="9734" width="18.25" style="2" customWidth="1"/>
    <col min="9735" max="9736" width="7.625" style="2" customWidth="1"/>
    <col min="9737" max="9737" width="23.5" style="2" customWidth="1"/>
    <col min="9738" max="9984" width="23.5" style="2"/>
    <col min="9985" max="9985" width="4.125" style="2" customWidth="1"/>
    <col min="9986" max="9986" width="18.375" style="2" customWidth="1"/>
    <col min="9987" max="9987" width="7.625" style="2" customWidth="1"/>
    <col min="9988" max="9988" width="2" style="2" customWidth="1"/>
    <col min="9989" max="9989" width="4.125" style="2" customWidth="1"/>
    <col min="9990" max="9990" width="18.25" style="2" customWidth="1"/>
    <col min="9991" max="9992" width="7.625" style="2" customWidth="1"/>
    <col min="9993" max="9993" width="23.5" style="2" customWidth="1"/>
    <col min="9994" max="10240" width="23.5" style="2"/>
    <col min="10241" max="10241" width="4.125" style="2" customWidth="1"/>
    <col min="10242" max="10242" width="18.375" style="2" customWidth="1"/>
    <col min="10243" max="10243" width="7.625" style="2" customWidth="1"/>
    <col min="10244" max="10244" width="2" style="2" customWidth="1"/>
    <col min="10245" max="10245" width="4.125" style="2" customWidth="1"/>
    <col min="10246" max="10246" width="18.25" style="2" customWidth="1"/>
    <col min="10247" max="10248" width="7.625" style="2" customWidth="1"/>
    <col min="10249" max="10249" width="23.5" style="2" customWidth="1"/>
    <col min="10250" max="10496" width="23.5" style="2"/>
    <col min="10497" max="10497" width="4.125" style="2" customWidth="1"/>
    <col min="10498" max="10498" width="18.375" style="2" customWidth="1"/>
    <col min="10499" max="10499" width="7.625" style="2" customWidth="1"/>
    <col min="10500" max="10500" width="2" style="2" customWidth="1"/>
    <col min="10501" max="10501" width="4.125" style="2" customWidth="1"/>
    <col min="10502" max="10502" width="18.25" style="2" customWidth="1"/>
    <col min="10503" max="10504" width="7.625" style="2" customWidth="1"/>
    <col min="10505" max="10505" width="23.5" style="2" customWidth="1"/>
    <col min="10506" max="10752" width="23.5" style="2"/>
    <col min="10753" max="10753" width="4.125" style="2" customWidth="1"/>
    <col min="10754" max="10754" width="18.375" style="2" customWidth="1"/>
    <col min="10755" max="10755" width="7.625" style="2" customWidth="1"/>
    <col min="10756" max="10756" width="2" style="2" customWidth="1"/>
    <col min="10757" max="10757" width="4.125" style="2" customWidth="1"/>
    <col min="10758" max="10758" width="18.25" style="2" customWidth="1"/>
    <col min="10759" max="10760" width="7.625" style="2" customWidth="1"/>
    <col min="10761" max="10761" width="23.5" style="2" customWidth="1"/>
    <col min="10762" max="11008" width="23.5" style="2"/>
    <col min="11009" max="11009" width="4.125" style="2" customWidth="1"/>
    <col min="11010" max="11010" width="18.375" style="2" customWidth="1"/>
    <col min="11011" max="11011" width="7.625" style="2" customWidth="1"/>
    <col min="11012" max="11012" width="2" style="2" customWidth="1"/>
    <col min="11013" max="11013" width="4.125" style="2" customWidth="1"/>
    <col min="11014" max="11014" width="18.25" style="2" customWidth="1"/>
    <col min="11015" max="11016" width="7.625" style="2" customWidth="1"/>
    <col min="11017" max="11017" width="23.5" style="2" customWidth="1"/>
    <col min="11018" max="11264" width="23.5" style="2"/>
    <col min="11265" max="11265" width="4.125" style="2" customWidth="1"/>
    <col min="11266" max="11266" width="18.375" style="2" customWidth="1"/>
    <col min="11267" max="11267" width="7.625" style="2" customWidth="1"/>
    <col min="11268" max="11268" width="2" style="2" customWidth="1"/>
    <col min="11269" max="11269" width="4.125" style="2" customWidth="1"/>
    <col min="11270" max="11270" width="18.25" style="2" customWidth="1"/>
    <col min="11271" max="11272" width="7.625" style="2" customWidth="1"/>
    <col min="11273" max="11273" width="23.5" style="2" customWidth="1"/>
    <col min="11274" max="11520" width="23.5" style="2"/>
    <col min="11521" max="11521" width="4.125" style="2" customWidth="1"/>
    <col min="11522" max="11522" width="18.375" style="2" customWidth="1"/>
    <col min="11523" max="11523" width="7.625" style="2" customWidth="1"/>
    <col min="11524" max="11524" width="2" style="2" customWidth="1"/>
    <col min="11525" max="11525" width="4.125" style="2" customWidth="1"/>
    <col min="11526" max="11526" width="18.25" style="2" customWidth="1"/>
    <col min="11527" max="11528" width="7.625" style="2" customWidth="1"/>
    <col min="11529" max="11529" width="23.5" style="2" customWidth="1"/>
    <col min="11530" max="11776" width="23.5" style="2"/>
    <col min="11777" max="11777" width="4.125" style="2" customWidth="1"/>
    <col min="11778" max="11778" width="18.375" style="2" customWidth="1"/>
    <col min="11779" max="11779" width="7.625" style="2" customWidth="1"/>
    <col min="11780" max="11780" width="2" style="2" customWidth="1"/>
    <col min="11781" max="11781" width="4.125" style="2" customWidth="1"/>
    <col min="11782" max="11782" width="18.25" style="2" customWidth="1"/>
    <col min="11783" max="11784" width="7.625" style="2" customWidth="1"/>
    <col min="11785" max="11785" width="23.5" style="2" customWidth="1"/>
    <col min="11786" max="12032" width="23.5" style="2"/>
    <col min="12033" max="12033" width="4.125" style="2" customWidth="1"/>
    <col min="12034" max="12034" width="18.375" style="2" customWidth="1"/>
    <col min="12035" max="12035" width="7.625" style="2" customWidth="1"/>
    <col min="12036" max="12036" width="2" style="2" customWidth="1"/>
    <col min="12037" max="12037" width="4.125" style="2" customWidth="1"/>
    <col min="12038" max="12038" width="18.25" style="2" customWidth="1"/>
    <col min="12039" max="12040" width="7.625" style="2" customWidth="1"/>
    <col min="12041" max="12041" width="23.5" style="2" customWidth="1"/>
    <col min="12042" max="12288" width="23.5" style="2"/>
    <col min="12289" max="12289" width="4.125" style="2" customWidth="1"/>
    <col min="12290" max="12290" width="18.375" style="2" customWidth="1"/>
    <col min="12291" max="12291" width="7.625" style="2" customWidth="1"/>
    <col min="12292" max="12292" width="2" style="2" customWidth="1"/>
    <col min="12293" max="12293" width="4.125" style="2" customWidth="1"/>
    <col min="12294" max="12294" width="18.25" style="2" customWidth="1"/>
    <col min="12295" max="12296" width="7.625" style="2" customWidth="1"/>
    <col min="12297" max="12297" width="23.5" style="2" customWidth="1"/>
    <col min="12298" max="12544" width="23.5" style="2"/>
    <col min="12545" max="12545" width="4.125" style="2" customWidth="1"/>
    <col min="12546" max="12546" width="18.375" style="2" customWidth="1"/>
    <col min="12547" max="12547" width="7.625" style="2" customWidth="1"/>
    <col min="12548" max="12548" width="2" style="2" customWidth="1"/>
    <col min="12549" max="12549" width="4.125" style="2" customWidth="1"/>
    <col min="12550" max="12550" width="18.25" style="2" customWidth="1"/>
    <col min="12551" max="12552" width="7.625" style="2" customWidth="1"/>
    <col min="12553" max="12553" width="23.5" style="2" customWidth="1"/>
    <col min="12554" max="12800" width="23.5" style="2"/>
    <col min="12801" max="12801" width="4.125" style="2" customWidth="1"/>
    <col min="12802" max="12802" width="18.375" style="2" customWidth="1"/>
    <col min="12803" max="12803" width="7.625" style="2" customWidth="1"/>
    <col min="12804" max="12804" width="2" style="2" customWidth="1"/>
    <col min="12805" max="12805" width="4.125" style="2" customWidth="1"/>
    <col min="12806" max="12806" width="18.25" style="2" customWidth="1"/>
    <col min="12807" max="12808" width="7.625" style="2" customWidth="1"/>
    <col min="12809" max="12809" width="23.5" style="2" customWidth="1"/>
    <col min="12810" max="13056" width="23.5" style="2"/>
    <col min="13057" max="13057" width="4.125" style="2" customWidth="1"/>
    <col min="13058" max="13058" width="18.375" style="2" customWidth="1"/>
    <col min="13059" max="13059" width="7.625" style="2" customWidth="1"/>
    <col min="13060" max="13060" width="2" style="2" customWidth="1"/>
    <col min="13061" max="13061" width="4.125" style="2" customWidth="1"/>
    <col min="13062" max="13062" width="18.25" style="2" customWidth="1"/>
    <col min="13063" max="13064" width="7.625" style="2" customWidth="1"/>
    <col min="13065" max="13065" width="23.5" style="2" customWidth="1"/>
    <col min="13066" max="13312" width="23.5" style="2"/>
    <col min="13313" max="13313" width="4.125" style="2" customWidth="1"/>
    <col min="13314" max="13314" width="18.375" style="2" customWidth="1"/>
    <col min="13315" max="13315" width="7.625" style="2" customWidth="1"/>
    <col min="13316" max="13316" width="2" style="2" customWidth="1"/>
    <col min="13317" max="13317" width="4.125" style="2" customWidth="1"/>
    <col min="13318" max="13318" width="18.25" style="2" customWidth="1"/>
    <col min="13319" max="13320" width="7.625" style="2" customWidth="1"/>
    <col min="13321" max="13321" width="23.5" style="2" customWidth="1"/>
    <col min="13322" max="13568" width="23.5" style="2"/>
    <col min="13569" max="13569" width="4.125" style="2" customWidth="1"/>
    <col min="13570" max="13570" width="18.375" style="2" customWidth="1"/>
    <col min="13571" max="13571" width="7.625" style="2" customWidth="1"/>
    <col min="13572" max="13572" width="2" style="2" customWidth="1"/>
    <col min="13573" max="13573" width="4.125" style="2" customWidth="1"/>
    <col min="13574" max="13574" width="18.25" style="2" customWidth="1"/>
    <col min="13575" max="13576" width="7.625" style="2" customWidth="1"/>
    <col min="13577" max="13577" width="23.5" style="2" customWidth="1"/>
    <col min="13578" max="13824" width="23.5" style="2"/>
    <col min="13825" max="13825" width="4.125" style="2" customWidth="1"/>
    <col min="13826" max="13826" width="18.375" style="2" customWidth="1"/>
    <col min="13827" max="13827" width="7.625" style="2" customWidth="1"/>
    <col min="13828" max="13828" width="2" style="2" customWidth="1"/>
    <col min="13829" max="13829" width="4.125" style="2" customWidth="1"/>
    <col min="13830" max="13830" width="18.25" style="2" customWidth="1"/>
    <col min="13831" max="13832" width="7.625" style="2" customWidth="1"/>
    <col min="13833" max="13833" width="23.5" style="2" customWidth="1"/>
    <col min="13834" max="14080" width="23.5" style="2"/>
    <col min="14081" max="14081" width="4.125" style="2" customWidth="1"/>
    <col min="14082" max="14082" width="18.375" style="2" customWidth="1"/>
    <col min="14083" max="14083" width="7.625" style="2" customWidth="1"/>
    <col min="14084" max="14084" width="2" style="2" customWidth="1"/>
    <col min="14085" max="14085" width="4.125" style="2" customWidth="1"/>
    <col min="14086" max="14086" width="18.25" style="2" customWidth="1"/>
    <col min="14087" max="14088" width="7.625" style="2" customWidth="1"/>
    <col min="14089" max="14089" width="23.5" style="2" customWidth="1"/>
    <col min="14090" max="14336" width="23.5" style="2"/>
    <col min="14337" max="14337" width="4.125" style="2" customWidth="1"/>
    <col min="14338" max="14338" width="18.375" style="2" customWidth="1"/>
    <col min="14339" max="14339" width="7.625" style="2" customWidth="1"/>
    <col min="14340" max="14340" width="2" style="2" customWidth="1"/>
    <col min="14341" max="14341" width="4.125" style="2" customWidth="1"/>
    <col min="14342" max="14342" width="18.25" style="2" customWidth="1"/>
    <col min="14343" max="14344" width="7.625" style="2" customWidth="1"/>
    <col min="14345" max="14345" width="23.5" style="2" customWidth="1"/>
    <col min="14346" max="14592" width="23.5" style="2"/>
    <col min="14593" max="14593" width="4.125" style="2" customWidth="1"/>
    <col min="14594" max="14594" width="18.375" style="2" customWidth="1"/>
    <col min="14595" max="14595" width="7.625" style="2" customWidth="1"/>
    <col min="14596" max="14596" width="2" style="2" customWidth="1"/>
    <col min="14597" max="14597" width="4.125" style="2" customWidth="1"/>
    <col min="14598" max="14598" width="18.25" style="2" customWidth="1"/>
    <col min="14599" max="14600" width="7.625" style="2" customWidth="1"/>
    <col min="14601" max="14601" width="23.5" style="2" customWidth="1"/>
    <col min="14602" max="14848" width="23.5" style="2"/>
    <col min="14849" max="14849" width="4.125" style="2" customWidth="1"/>
    <col min="14850" max="14850" width="18.375" style="2" customWidth="1"/>
    <col min="14851" max="14851" width="7.625" style="2" customWidth="1"/>
    <col min="14852" max="14852" width="2" style="2" customWidth="1"/>
    <col min="14853" max="14853" width="4.125" style="2" customWidth="1"/>
    <col min="14854" max="14854" width="18.25" style="2" customWidth="1"/>
    <col min="14855" max="14856" width="7.625" style="2" customWidth="1"/>
    <col min="14857" max="14857" width="23.5" style="2" customWidth="1"/>
    <col min="14858" max="15104" width="23.5" style="2"/>
    <col min="15105" max="15105" width="4.125" style="2" customWidth="1"/>
    <col min="15106" max="15106" width="18.375" style="2" customWidth="1"/>
    <col min="15107" max="15107" width="7.625" style="2" customWidth="1"/>
    <col min="15108" max="15108" width="2" style="2" customWidth="1"/>
    <col min="15109" max="15109" width="4.125" style="2" customWidth="1"/>
    <col min="15110" max="15110" width="18.25" style="2" customWidth="1"/>
    <col min="15111" max="15112" width="7.625" style="2" customWidth="1"/>
    <col min="15113" max="15113" width="23.5" style="2" customWidth="1"/>
    <col min="15114" max="15360" width="23.5" style="2"/>
    <col min="15361" max="15361" width="4.125" style="2" customWidth="1"/>
    <col min="15362" max="15362" width="18.375" style="2" customWidth="1"/>
    <col min="15363" max="15363" width="7.625" style="2" customWidth="1"/>
    <col min="15364" max="15364" width="2" style="2" customWidth="1"/>
    <col min="15365" max="15365" width="4.125" style="2" customWidth="1"/>
    <col min="15366" max="15366" width="18.25" style="2" customWidth="1"/>
    <col min="15367" max="15368" width="7.625" style="2" customWidth="1"/>
    <col min="15369" max="15369" width="23.5" style="2" customWidth="1"/>
    <col min="15370" max="15616" width="23.5" style="2"/>
    <col min="15617" max="15617" width="4.125" style="2" customWidth="1"/>
    <col min="15618" max="15618" width="18.375" style="2" customWidth="1"/>
    <col min="15619" max="15619" width="7.625" style="2" customWidth="1"/>
    <col min="15620" max="15620" width="2" style="2" customWidth="1"/>
    <col min="15621" max="15621" width="4.125" style="2" customWidth="1"/>
    <col min="15622" max="15622" width="18.25" style="2" customWidth="1"/>
    <col min="15623" max="15624" width="7.625" style="2" customWidth="1"/>
    <col min="15625" max="15625" width="23.5" style="2" customWidth="1"/>
    <col min="15626" max="15872" width="23.5" style="2"/>
    <col min="15873" max="15873" width="4.125" style="2" customWidth="1"/>
    <col min="15874" max="15874" width="18.375" style="2" customWidth="1"/>
    <col min="15875" max="15875" width="7.625" style="2" customWidth="1"/>
    <col min="15876" max="15876" width="2" style="2" customWidth="1"/>
    <col min="15877" max="15877" width="4.125" style="2" customWidth="1"/>
    <col min="15878" max="15878" width="18.25" style="2" customWidth="1"/>
    <col min="15879" max="15880" width="7.625" style="2" customWidth="1"/>
    <col min="15881" max="15881" width="23.5" style="2" customWidth="1"/>
    <col min="15882" max="16128" width="23.5" style="2"/>
    <col min="16129" max="16129" width="4.125" style="2" customWidth="1"/>
    <col min="16130" max="16130" width="18.375" style="2" customWidth="1"/>
    <col min="16131" max="16131" width="7.625" style="2" customWidth="1"/>
    <col min="16132" max="16132" width="2" style="2" customWidth="1"/>
    <col min="16133" max="16133" width="4.125" style="2" customWidth="1"/>
    <col min="16134" max="16134" width="18.25" style="2" customWidth="1"/>
    <col min="16135" max="16136" width="7.625" style="2" customWidth="1"/>
    <col min="16137" max="16137" width="23.5" style="2" customWidth="1"/>
    <col min="16138" max="16384" width="23.5" style="2"/>
  </cols>
  <sheetData>
    <row r="1" spans="1:8" ht="22.5" customHeight="1" x14ac:dyDescent="0.15">
      <c r="A1" s="67"/>
      <c r="B1" s="797" t="s">
        <v>447</v>
      </c>
      <c r="C1" s="797"/>
      <c r="D1" s="797"/>
      <c r="E1" s="797"/>
      <c r="F1" s="797"/>
      <c r="G1" s="797"/>
      <c r="H1" s="797"/>
    </row>
    <row r="2" spans="1:8" ht="15" customHeight="1" x14ac:dyDescent="0.15">
      <c r="A2" s="187"/>
      <c r="B2" s="4"/>
      <c r="C2" s="4"/>
      <c r="D2" s="4"/>
      <c r="E2" s="3"/>
      <c r="F2" s="3"/>
      <c r="G2" s="4"/>
      <c r="H2" s="4"/>
    </row>
    <row r="3" spans="1:8" ht="12" customHeight="1" x14ac:dyDescent="0.15">
      <c r="A3" s="790" t="s">
        <v>448</v>
      </c>
      <c r="B3" s="663" t="s">
        <v>1</v>
      </c>
      <c r="C3" s="210" t="s">
        <v>2</v>
      </c>
      <c r="D3" s="3"/>
      <c r="E3" s="790" t="s">
        <v>416</v>
      </c>
      <c r="F3" s="664" t="s">
        <v>1</v>
      </c>
      <c r="G3" s="189" t="s">
        <v>2</v>
      </c>
      <c r="H3" s="189" t="s">
        <v>3</v>
      </c>
    </row>
    <row r="4" spans="1:8" ht="12" customHeight="1" x14ac:dyDescent="0.15">
      <c r="A4" s="791"/>
      <c r="B4" s="199" t="s">
        <v>449</v>
      </c>
      <c r="C4" s="191">
        <v>0.30208333333333331</v>
      </c>
      <c r="D4" s="3"/>
      <c r="E4" s="794"/>
      <c r="F4" s="190" t="s">
        <v>209</v>
      </c>
      <c r="G4" s="193">
        <v>0.69097222222222221</v>
      </c>
      <c r="H4" s="193" t="s">
        <v>16</v>
      </c>
    </row>
    <row r="5" spans="1:8" ht="12" customHeight="1" x14ac:dyDescent="0.15">
      <c r="A5" s="791"/>
      <c r="B5" s="199" t="s">
        <v>450</v>
      </c>
      <c r="C5" s="191">
        <v>0.30277777777777776</v>
      </c>
      <c r="D5" s="3"/>
      <c r="E5" s="794"/>
      <c r="F5" s="190" t="s">
        <v>152</v>
      </c>
      <c r="G5" s="193">
        <v>0.69166666666666676</v>
      </c>
      <c r="H5" s="193" t="s">
        <v>16</v>
      </c>
    </row>
    <row r="6" spans="1:8" ht="12" customHeight="1" x14ac:dyDescent="0.15">
      <c r="A6" s="791"/>
      <c r="B6" s="199" t="s">
        <v>451</v>
      </c>
      <c r="C6" s="191">
        <v>0.3041666666666667</v>
      </c>
      <c r="D6" s="3"/>
      <c r="E6" s="794"/>
      <c r="F6" s="190" t="s">
        <v>154</v>
      </c>
      <c r="G6" s="193">
        <v>0.69374999999999998</v>
      </c>
      <c r="H6" s="193" t="s">
        <v>16</v>
      </c>
    </row>
    <row r="7" spans="1:8" ht="12" customHeight="1" x14ac:dyDescent="0.15">
      <c r="A7" s="791"/>
      <c r="B7" s="199" t="s">
        <v>452</v>
      </c>
      <c r="C7" s="191">
        <v>0.30555555555555558</v>
      </c>
      <c r="D7" s="3"/>
      <c r="E7" s="794"/>
      <c r="F7" s="190" t="s">
        <v>156</v>
      </c>
      <c r="G7" s="193">
        <v>0.69513888888888886</v>
      </c>
      <c r="H7" s="193" t="s">
        <v>16</v>
      </c>
    </row>
    <row r="8" spans="1:8" ht="12" customHeight="1" x14ac:dyDescent="0.15">
      <c r="A8" s="791"/>
      <c r="B8" s="199" t="s">
        <v>453</v>
      </c>
      <c r="C8" s="191">
        <v>0.30625000000000002</v>
      </c>
      <c r="D8" s="3"/>
      <c r="E8" s="794"/>
      <c r="F8" s="190" t="s">
        <v>158</v>
      </c>
      <c r="G8" s="193">
        <v>0.69652777777777775</v>
      </c>
      <c r="H8" s="193" t="s">
        <v>454</v>
      </c>
    </row>
    <row r="9" spans="1:8" ht="12" customHeight="1" x14ac:dyDescent="0.15">
      <c r="A9" s="791"/>
      <c r="B9" s="211" t="s">
        <v>455</v>
      </c>
      <c r="C9" s="212">
        <v>0.30763888888888891</v>
      </c>
      <c r="D9" s="3"/>
      <c r="E9" s="794"/>
      <c r="F9" s="190" t="s">
        <v>399</v>
      </c>
      <c r="G9" s="193">
        <v>0.69791666666666663</v>
      </c>
      <c r="H9" s="193" t="s">
        <v>16</v>
      </c>
    </row>
    <row r="10" spans="1:8" ht="12" customHeight="1" x14ac:dyDescent="0.15">
      <c r="A10" s="792"/>
      <c r="B10" s="213" t="s">
        <v>456</v>
      </c>
      <c r="C10" s="214">
        <v>0.30972222222222223</v>
      </c>
      <c r="D10" s="3"/>
      <c r="E10" s="794"/>
      <c r="F10" s="208" t="s">
        <v>397</v>
      </c>
      <c r="G10" s="193">
        <v>0.69861111111111107</v>
      </c>
      <c r="H10" s="193" t="s">
        <v>16</v>
      </c>
    </row>
    <row r="11" spans="1:8" ht="12" customHeight="1" x14ac:dyDescent="0.15">
      <c r="A11" s="791"/>
      <c r="B11" s="198" t="s">
        <v>457</v>
      </c>
      <c r="C11" s="215">
        <v>0.3125</v>
      </c>
      <c r="D11" s="3"/>
      <c r="E11" s="794"/>
      <c r="F11" s="190" t="s">
        <v>395</v>
      </c>
      <c r="G11" s="193">
        <v>0.70000000000000007</v>
      </c>
      <c r="H11" s="193" t="s">
        <v>458</v>
      </c>
    </row>
    <row r="12" spans="1:8" ht="12" customHeight="1" x14ac:dyDescent="0.15">
      <c r="A12" s="791"/>
      <c r="B12" s="199" t="s">
        <v>459</v>
      </c>
      <c r="C12" s="216">
        <v>0.31388888888888888</v>
      </c>
      <c r="D12" s="3"/>
      <c r="E12" s="794"/>
      <c r="F12" s="190" t="s">
        <v>460</v>
      </c>
      <c r="G12" s="193">
        <v>0.70208333333333339</v>
      </c>
      <c r="H12" s="193">
        <v>0.74513888888888891</v>
      </c>
    </row>
    <row r="13" spans="1:8" ht="12" customHeight="1" x14ac:dyDescent="0.15">
      <c r="A13" s="791"/>
      <c r="B13" s="199" t="s">
        <v>461</v>
      </c>
      <c r="C13" s="216">
        <v>0.31527777777777777</v>
      </c>
      <c r="D13" s="3"/>
      <c r="E13" s="794"/>
      <c r="F13" s="190" t="s">
        <v>24</v>
      </c>
      <c r="G13" s="193">
        <v>0.70277777777777783</v>
      </c>
      <c r="H13" s="193">
        <v>0.74583333333333324</v>
      </c>
    </row>
    <row r="14" spans="1:8" ht="12" customHeight="1" x14ac:dyDescent="0.15">
      <c r="A14" s="791"/>
      <c r="B14" s="199" t="s">
        <v>462</v>
      </c>
      <c r="C14" s="216">
        <v>0.31597222222222221</v>
      </c>
      <c r="D14" s="3"/>
      <c r="E14" s="794"/>
      <c r="F14" s="190" t="s">
        <v>434</v>
      </c>
      <c r="G14" s="193">
        <v>0.70347222222222217</v>
      </c>
      <c r="H14" s="193">
        <v>0.74652777777777779</v>
      </c>
    </row>
    <row r="15" spans="1:8" ht="12" customHeight="1" x14ac:dyDescent="0.15">
      <c r="A15" s="791"/>
      <c r="B15" s="199" t="s">
        <v>463</v>
      </c>
      <c r="C15" s="216">
        <v>0.31666666666666665</v>
      </c>
      <c r="D15" s="3"/>
      <c r="E15" s="794"/>
      <c r="F15" s="190" t="s">
        <v>18</v>
      </c>
      <c r="G15" s="193">
        <v>0.70416666666666661</v>
      </c>
      <c r="H15" s="193">
        <v>0.74722222222222223</v>
      </c>
    </row>
    <row r="16" spans="1:8" ht="12" customHeight="1" x14ac:dyDescent="0.15">
      <c r="A16" s="791"/>
      <c r="B16" s="199" t="s">
        <v>464</v>
      </c>
      <c r="C16" s="216">
        <v>0.31736111111111115</v>
      </c>
      <c r="D16" s="3"/>
      <c r="E16" s="794"/>
      <c r="F16" s="190" t="s">
        <v>392</v>
      </c>
      <c r="G16" s="193">
        <v>0.70486111111111116</v>
      </c>
      <c r="H16" s="193">
        <v>0.74791666666666667</v>
      </c>
    </row>
    <row r="17" spans="1:8" ht="12" customHeight="1" x14ac:dyDescent="0.15">
      <c r="A17" s="791"/>
      <c r="B17" s="199" t="s">
        <v>465</v>
      </c>
      <c r="C17" s="216">
        <v>0.31736111111111115</v>
      </c>
      <c r="D17" s="3"/>
      <c r="E17" s="794"/>
      <c r="F17" s="190" t="s">
        <v>18</v>
      </c>
      <c r="G17" s="193">
        <v>0.7055555555555556</v>
      </c>
      <c r="H17" s="193">
        <v>0.74861111111111101</v>
      </c>
    </row>
    <row r="18" spans="1:8" ht="12" customHeight="1" x14ac:dyDescent="0.15">
      <c r="A18" s="791"/>
      <c r="B18" s="199" t="s">
        <v>466</v>
      </c>
      <c r="C18" s="216">
        <v>0.32013888888888892</v>
      </c>
      <c r="D18" s="3"/>
      <c r="E18" s="794"/>
      <c r="F18" s="190" t="s">
        <v>467</v>
      </c>
      <c r="G18" s="193">
        <v>0.70624999999999993</v>
      </c>
      <c r="H18" s="193">
        <v>0.74930555555555556</v>
      </c>
    </row>
    <row r="19" spans="1:8" ht="12" customHeight="1" x14ac:dyDescent="0.15">
      <c r="A19" s="791"/>
      <c r="B19" s="199" t="s">
        <v>167</v>
      </c>
      <c r="C19" s="216">
        <v>0.3215277777777778</v>
      </c>
      <c r="D19" s="3"/>
      <c r="E19" s="794"/>
      <c r="F19" s="190" t="s">
        <v>468</v>
      </c>
      <c r="G19" s="193">
        <v>0.70763888888888893</v>
      </c>
      <c r="H19" s="193">
        <v>0.75069444444444444</v>
      </c>
    </row>
    <row r="20" spans="1:8" ht="12" customHeight="1" x14ac:dyDescent="0.15">
      <c r="A20" s="791"/>
      <c r="B20" s="199" t="s">
        <v>469</v>
      </c>
      <c r="C20" s="216">
        <v>0.32222222222222224</v>
      </c>
      <c r="D20" s="3"/>
      <c r="E20" s="794"/>
      <c r="F20" s="190" t="s">
        <v>470</v>
      </c>
      <c r="G20" s="193">
        <v>0.70833333333333337</v>
      </c>
      <c r="H20" s="193">
        <v>0.75138888888888899</v>
      </c>
    </row>
    <row r="21" spans="1:8" ht="12" customHeight="1" x14ac:dyDescent="0.15">
      <c r="A21" s="791"/>
      <c r="B21" s="199" t="s">
        <v>471</v>
      </c>
      <c r="C21" s="216">
        <v>0.32291666666666669</v>
      </c>
      <c r="D21" s="3"/>
      <c r="E21" s="794"/>
      <c r="F21" s="190" t="s">
        <v>472</v>
      </c>
      <c r="G21" s="193">
        <v>0.7090277777777777</v>
      </c>
      <c r="H21" s="193">
        <v>0.75208333333333333</v>
      </c>
    </row>
    <row r="22" spans="1:8" ht="12" customHeight="1" x14ac:dyDescent="0.15">
      <c r="A22" s="791"/>
      <c r="B22" s="199" t="s">
        <v>473</v>
      </c>
      <c r="C22" s="216">
        <v>0.32361111111111113</v>
      </c>
      <c r="D22" s="3"/>
      <c r="E22" s="794"/>
      <c r="F22" s="190" t="s">
        <v>474</v>
      </c>
      <c r="G22" s="193">
        <v>0.70972222222222225</v>
      </c>
      <c r="H22" s="193">
        <v>0.75277777777777777</v>
      </c>
    </row>
    <row r="23" spans="1:8" ht="12" customHeight="1" x14ac:dyDescent="0.15">
      <c r="A23" s="791"/>
      <c r="B23" s="199" t="s">
        <v>474</v>
      </c>
      <c r="C23" s="216">
        <v>0.32500000000000001</v>
      </c>
      <c r="D23" s="3"/>
      <c r="E23" s="794"/>
      <c r="F23" s="190" t="s">
        <v>473</v>
      </c>
      <c r="G23" s="193">
        <v>0.71111111111111114</v>
      </c>
      <c r="H23" s="193">
        <v>0.75416666666666676</v>
      </c>
    </row>
    <row r="24" spans="1:8" ht="12" customHeight="1" x14ac:dyDescent="0.15">
      <c r="A24" s="791"/>
      <c r="B24" s="199" t="s">
        <v>472</v>
      </c>
      <c r="C24" s="216">
        <v>0.32569444444444445</v>
      </c>
      <c r="D24" s="3"/>
      <c r="E24" s="794"/>
      <c r="F24" s="190" t="s">
        <v>471</v>
      </c>
      <c r="G24" s="193">
        <v>0.71180555555555547</v>
      </c>
      <c r="H24" s="193">
        <v>0.75486111111111109</v>
      </c>
    </row>
    <row r="25" spans="1:8" ht="12" customHeight="1" x14ac:dyDescent="0.15">
      <c r="A25" s="791"/>
      <c r="B25" s="199" t="s">
        <v>470</v>
      </c>
      <c r="C25" s="216">
        <v>0.3263888888888889</v>
      </c>
      <c r="D25" s="3"/>
      <c r="E25" s="794"/>
      <c r="F25" s="190" t="s">
        <v>469</v>
      </c>
      <c r="G25" s="193">
        <v>0.71250000000000002</v>
      </c>
      <c r="H25" s="193">
        <v>0.75555555555555554</v>
      </c>
    </row>
    <row r="26" spans="1:8" ht="12" customHeight="1" x14ac:dyDescent="0.15">
      <c r="A26" s="791"/>
      <c r="B26" s="199" t="s">
        <v>468</v>
      </c>
      <c r="C26" s="216">
        <v>0.32777777777777778</v>
      </c>
      <c r="D26" s="3"/>
      <c r="E26" s="794"/>
      <c r="F26" s="190" t="s">
        <v>167</v>
      </c>
      <c r="G26" s="193">
        <v>0.71319444444444446</v>
      </c>
      <c r="H26" s="193">
        <v>0.75624999999999998</v>
      </c>
    </row>
    <row r="27" spans="1:8" ht="12" customHeight="1" x14ac:dyDescent="0.15">
      <c r="A27" s="791"/>
      <c r="B27" s="199" t="s">
        <v>467</v>
      </c>
      <c r="C27" s="216">
        <v>0.32847222222222222</v>
      </c>
      <c r="D27" s="3"/>
      <c r="E27" s="794"/>
      <c r="F27" s="190" t="s">
        <v>169</v>
      </c>
      <c r="G27" s="193">
        <v>0.71388888888888891</v>
      </c>
      <c r="H27" s="193" t="s">
        <v>19</v>
      </c>
    </row>
    <row r="28" spans="1:8" ht="12" customHeight="1" x14ac:dyDescent="0.15">
      <c r="A28" s="791"/>
      <c r="B28" s="199" t="s">
        <v>18</v>
      </c>
      <c r="C28" s="216">
        <v>0.32916666666666666</v>
      </c>
      <c r="D28" s="3"/>
      <c r="E28" s="794"/>
      <c r="F28" s="190" t="s">
        <v>475</v>
      </c>
      <c r="G28" s="193">
        <v>0.71666666666666667</v>
      </c>
      <c r="H28" s="193">
        <v>0.75763888888888886</v>
      </c>
    </row>
    <row r="29" spans="1:8" ht="12" customHeight="1" x14ac:dyDescent="0.15">
      <c r="A29" s="791"/>
      <c r="B29" s="199" t="s">
        <v>392</v>
      </c>
      <c r="C29" s="216">
        <v>0.3298611111111111</v>
      </c>
      <c r="D29" s="3"/>
      <c r="E29" s="794"/>
      <c r="F29" s="190" t="s">
        <v>476</v>
      </c>
      <c r="G29" s="193">
        <v>0.71736111111111101</v>
      </c>
      <c r="H29" s="193">
        <v>0.7583333333333333</v>
      </c>
    </row>
    <row r="30" spans="1:8" ht="12" customHeight="1" x14ac:dyDescent="0.15">
      <c r="A30" s="791"/>
      <c r="B30" s="199" t="s">
        <v>18</v>
      </c>
      <c r="C30" s="216">
        <v>0.33055555555555555</v>
      </c>
      <c r="D30" s="3"/>
      <c r="E30" s="794"/>
      <c r="F30" s="190" t="s">
        <v>461</v>
      </c>
      <c r="G30" s="193">
        <v>0.71875</v>
      </c>
      <c r="H30" s="193">
        <v>0.7597222222222223</v>
      </c>
    </row>
    <row r="31" spans="1:8" ht="12" customHeight="1" x14ac:dyDescent="0.15">
      <c r="A31" s="791"/>
      <c r="B31" s="199" t="s">
        <v>434</v>
      </c>
      <c r="C31" s="216">
        <v>0.33124999999999999</v>
      </c>
      <c r="D31" s="3"/>
      <c r="E31" s="794"/>
      <c r="F31" s="190" t="s">
        <v>459</v>
      </c>
      <c r="G31" s="193">
        <v>0.71944444444444444</v>
      </c>
      <c r="H31" s="193">
        <v>0.76041666666666663</v>
      </c>
    </row>
    <row r="32" spans="1:8" ht="12" customHeight="1" x14ac:dyDescent="0.15">
      <c r="A32" s="791"/>
      <c r="B32" s="199" t="s">
        <v>24</v>
      </c>
      <c r="C32" s="216">
        <v>0.33194444444444443</v>
      </c>
      <c r="D32" s="3"/>
      <c r="E32" s="794"/>
      <c r="F32" s="190" t="s">
        <v>449</v>
      </c>
      <c r="G32" s="193">
        <v>0.72013888888888899</v>
      </c>
      <c r="H32" s="193">
        <v>0.76111111111111107</v>
      </c>
    </row>
    <row r="33" spans="1:8" ht="12" customHeight="1" x14ac:dyDescent="0.15">
      <c r="A33" s="793"/>
      <c r="B33" s="199" t="s">
        <v>153</v>
      </c>
      <c r="C33" s="217">
        <v>0.33263888888888887</v>
      </c>
      <c r="D33" s="3"/>
      <c r="E33" s="794"/>
      <c r="F33" s="190" t="s">
        <v>450</v>
      </c>
      <c r="G33" s="193">
        <v>0.72083333333333333</v>
      </c>
      <c r="H33" s="193">
        <v>0.76180555555555562</v>
      </c>
    </row>
    <row r="34" spans="1:8" ht="12" customHeight="1" x14ac:dyDescent="0.15">
      <c r="A34" s="3"/>
      <c r="B34" s="3"/>
      <c r="C34" s="121"/>
      <c r="D34" s="3"/>
      <c r="E34" s="794"/>
      <c r="F34" s="190" t="s">
        <v>451</v>
      </c>
      <c r="G34" s="193">
        <v>0.72222222222222221</v>
      </c>
      <c r="H34" s="193">
        <v>0.7631944444444444</v>
      </c>
    </row>
    <row r="35" spans="1:8" ht="12" customHeight="1" x14ac:dyDescent="0.15">
      <c r="A35" s="3"/>
      <c r="B35" s="3"/>
      <c r="C35" s="121"/>
      <c r="D35" s="3"/>
      <c r="E35" s="794"/>
      <c r="F35" s="190" t="s">
        <v>452</v>
      </c>
      <c r="G35" s="193">
        <v>0.72361111111111109</v>
      </c>
      <c r="H35" s="193">
        <v>0.76458333333333339</v>
      </c>
    </row>
    <row r="36" spans="1:8" ht="12" customHeight="1" x14ac:dyDescent="0.15">
      <c r="A36" s="2"/>
      <c r="B36" s="3"/>
      <c r="C36" s="121"/>
      <c r="D36" s="3"/>
      <c r="E36" s="795"/>
      <c r="F36" s="190" t="s">
        <v>453</v>
      </c>
      <c r="G36" s="193">
        <v>0.72430555555555554</v>
      </c>
      <c r="H36" s="193">
        <v>0.76527777777777783</v>
      </c>
    </row>
    <row r="37" spans="1:8" ht="12" customHeight="1" x14ac:dyDescent="0.15">
      <c r="A37" s="2"/>
      <c r="B37" s="2"/>
      <c r="C37" s="121"/>
      <c r="D37" s="3"/>
      <c r="E37" s="795"/>
      <c r="F37" s="190" t="s">
        <v>455</v>
      </c>
      <c r="G37" s="193">
        <v>0.72569444444444453</v>
      </c>
      <c r="H37" s="193">
        <v>0.76666666666666661</v>
      </c>
    </row>
    <row r="38" spans="1:8" ht="12" customHeight="1" x14ac:dyDescent="0.15">
      <c r="A38" s="2"/>
      <c r="B38" s="2"/>
      <c r="C38" s="121"/>
      <c r="D38" s="3"/>
      <c r="E38" s="795"/>
      <c r="F38" s="190" t="s">
        <v>456</v>
      </c>
      <c r="G38" s="193">
        <v>0.72777777777777786</v>
      </c>
      <c r="H38" s="193">
        <v>0.76874999999999993</v>
      </c>
    </row>
    <row r="39" spans="1:8" ht="12" customHeight="1" x14ac:dyDescent="0.15">
      <c r="A39" s="2"/>
      <c r="B39" s="2"/>
      <c r="C39" s="121"/>
      <c r="D39" s="3"/>
      <c r="E39" s="795"/>
      <c r="F39" s="190" t="s">
        <v>457</v>
      </c>
      <c r="G39" s="193">
        <v>0.73055555555555562</v>
      </c>
      <c r="H39" s="193">
        <v>0.7715277777777777</v>
      </c>
    </row>
    <row r="40" spans="1:8" ht="12" customHeight="1" x14ac:dyDescent="0.15">
      <c r="A40" s="2"/>
      <c r="B40" s="2"/>
      <c r="C40" s="121"/>
      <c r="D40" s="3"/>
      <c r="E40" s="795"/>
      <c r="F40" s="190" t="s">
        <v>459</v>
      </c>
      <c r="G40" s="193">
        <v>0.73194444444444462</v>
      </c>
      <c r="H40" s="193">
        <v>0.77291666666666647</v>
      </c>
    </row>
    <row r="41" spans="1:8" ht="12" customHeight="1" x14ac:dyDescent="0.15">
      <c r="A41" s="2"/>
      <c r="B41" s="2"/>
      <c r="C41" s="121"/>
      <c r="D41" s="3"/>
      <c r="E41" s="795"/>
      <c r="F41" s="190" t="s">
        <v>461</v>
      </c>
      <c r="G41" s="193">
        <v>0.73333333333333339</v>
      </c>
      <c r="H41" s="193">
        <v>0.77430555555555547</v>
      </c>
    </row>
    <row r="42" spans="1:8" ht="12" customHeight="1" x14ac:dyDescent="0.15">
      <c r="A42" s="2"/>
      <c r="B42" s="2"/>
      <c r="C42" s="121"/>
      <c r="D42" s="3"/>
      <c r="E42" s="795"/>
      <c r="F42" s="190" t="s">
        <v>462</v>
      </c>
      <c r="G42" s="193">
        <v>0.73402777777777795</v>
      </c>
      <c r="H42" s="193">
        <v>0.7749999999999998</v>
      </c>
    </row>
    <row r="43" spans="1:8" ht="12" customHeight="1" x14ac:dyDescent="0.15">
      <c r="A43" s="2"/>
      <c r="B43" s="2"/>
      <c r="C43" s="121"/>
      <c r="D43" s="3"/>
      <c r="E43" s="795"/>
      <c r="F43" s="190" t="s">
        <v>463</v>
      </c>
      <c r="G43" s="193">
        <v>0.73472222222222239</v>
      </c>
      <c r="H43" s="193">
        <v>0.77569444444444435</v>
      </c>
    </row>
    <row r="44" spans="1:8" ht="12" customHeight="1" x14ac:dyDescent="0.15">
      <c r="A44" s="2"/>
      <c r="B44" s="2"/>
      <c r="C44" s="121"/>
      <c r="D44" s="3"/>
      <c r="E44" s="795"/>
      <c r="F44" s="190" t="s">
        <v>464</v>
      </c>
      <c r="G44" s="193">
        <v>0.73541666666666672</v>
      </c>
      <c r="H44" s="193">
        <v>0.7763888888888888</v>
      </c>
    </row>
    <row r="45" spans="1:8" ht="12" customHeight="1" x14ac:dyDescent="0.15">
      <c r="A45" s="2"/>
      <c r="B45" s="2"/>
      <c r="C45" s="121"/>
      <c r="D45" s="3"/>
      <c r="E45" s="795"/>
      <c r="F45" s="190" t="s">
        <v>465</v>
      </c>
      <c r="G45" s="193">
        <v>0.73541666666666672</v>
      </c>
      <c r="H45" s="193">
        <v>0.7763888888888888</v>
      </c>
    </row>
    <row r="46" spans="1:8" ht="12" customHeight="1" x14ac:dyDescent="0.15">
      <c r="A46" s="2"/>
      <c r="B46" s="2"/>
      <c r="C46" s="121"/>
      <c r="D46" s="3"/>
      <c r="E46" s="796"/>
      <c r="F46" s="190" t="s">
        <v>169</v>
      </c>
      <c r="G46" s="193">
        <v>0.73750000000000016</v>
      </c>
      <c r="H46" s="193" t="s">
        <v>458</v>
      </c>
    </row>
    <row r="47" spans="1:8" ht="23.25" customHeight="1" x14ac:dyDescent="0.15">
      <c r="A47" s="4"/>
      <c r="B47" s="4"/>
      <c r="C47" s="4"/>
      <c r="D47" s="4"/>
    </row>
    <row r="48" spans="1:8" ht="15" customHeight="1" x14ac:dyDescent="0.15"/>
    <row r="49" ht="15" customHeight="1" x14ac:dyDescent="0.15"/>
    <row r="50" ht="15" customHeight="1" x14ac:dyDescent="0.15"/>
    <row r="51" ht="15" customHeight="1" x14ac:dyDescent="0.15"/>
    <row r="52" ht="15" customHeight="1" x14ac:dyDescent="0.15"/>
    <row r="53" ht="15" customHeight="1" x14ac:dyDescent="0.15"/>
    <row r="54" ht="15" customHeight="1" x14ac:dyDescent="0.15"/>
    <row r="55" ht="15" customHeight="1" x14ac:dyDescent="0.15"/>
    <row r="56" ht="15" customHeight="1" x14ac:dyDescent="0.15"/>
    <row r="57" ht="15" customHeight="1" x14ac:dyDescent="0.15"/>
    <row r="58" ht="15" customHeight="1" x14ac:dyDescent="0.15"/>
    <row r="59" ht="15" customHeight="1" x14ac:dyDescent="0.15"/>
    <row r="60" ht="15" customHeight="1" x14ac:dyDescent="0.15"/>
    <row r="61" ht="15" customHeight="1" x14ac:dyDescent="0.15"/>
    <row r="62" ht="15" customHeight="1" x14ac:dyDescent="0.15"/>
    <row r="63" ht="15" customHeight="1" x14ac:dyDescent="0.15"/>
    <row r="64" ht="15" customHeight="1" x14ac:dyDescent="0.15"/>
    <row r="65" ht="15" customHeight="1" x14ac:dyDescent="0.15"/>
    <row r="66" ht="15" customHeight="1" x14ac:dyDescent="0.15"/>
    <row r="67" ht="15" customHeight="1" x14ac:dyDescent="0.15"/>
    <row r="68" ht="15" customHeight="1" x14ac:dyDescent="0.15"/>
    <row r="69" ht="15" customHeight="1" x14ac:dyDescent="0.15"/>
    <row r="70" ht="15" customHeight="1" x14ac:dyDescent="0.15"/>
    <row r="71" ht="15" customHeight="1" x14ac:dyDescent="0.15"/>
    <row r="72" ht="15" customHeight="1" x14ac:dyDescent="0.15"/>
    <row r="73" ht="15" customHeight="1" x14ac:dyDescent="0.15"/>
    <row r="74" ht="15" customHeight="1" x14ac:dyDescent="0.15"/>
    <row r="75" ht="15" customHeight="1" x14ac:dyDescent="0.15"/>
  </sheetData>
  <mergeCells count="3">
    <mergeCell ref="A3:A33"/>
    <mergeCell ref="E3:E46"/>
    <mergeCell ref="B1:H1"/>
  </mergeCells>
  <phoneticPr fontId="3"/>
  <pageMargins left="0.39370078740157483" right="0.39370078740157483" top="0.19685039370078741" bottom="0.19685039370078741" header="0.51181102362204722" footer="0.51181102362204722"/>
  <pageSetup paperSize="9" orientation="landscape" horizontalDpi="300" verticalDpi="300" r:id="rId1"/>
  <headerFooter alignWithMargins="0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80"/>
  <sheetViews>
    <sheetView view="pageBreakPreview" zoomScale="85" zoomScaleNormal="100" zoomScaleSheetLayoutView="85" workbookViewId="0">
      <selection activeCell="G4" sqref="G4"/>
    </sheetView>
  </sheetViews>
  <sheetFormatPr defaultColWidth="23.5" defaultRowHeight="13.5" x14ac:dyDescent="0.15"/>
  <cols>
    <col min="1" max="1" width="2.875" style="186" customWidth="1"/>
    <col min="2" max="2" width="26.125" style="186" bestFit="1" customWidth="1"/>
    <col min="3" max="3" width="6.25" style="186" bestFit="1" customWidth="1"/>
    <col min="4" max="4" width="4.625" style="186" customWidth="1"/>
    <col min="5" max="5" width="2.875" style="186" bestFit="1" customWidth="1"/>
    <col min="6" max="6" width="26.125" style="186" bestFit="1" customWidth="1"/>
    <col min="7" max="8" width="6.25" style="186" bestFit="1" customWidth="1"/>
    <col min="9" max="16384" width="23.5" style="186"/>
  </cols>
  <sheetData>
    <row r="1" spans="1:8" ht="22.5" customHeight="1" x14ac:dyDescent="0.15">
      <c r="A1" s="653"/>
      <c r="B1" s="799" t="s">
        <v>148</v>
      </c>
      <c r="C1" s="799"/>
      <c r="D1" s="799"/>
      <c r="E1" s="799"/>
      <c r="F1" s="799"/>
      <c r="G1" s="799"/>
      <c r="H1" s="799"/>
    </row>
    <row r="2" spans="1:8" ht="7.5" customHeight="1" x14ac:dyDescent="0.15"/>
    <row r="3" spans="1:8" ht="14.25" customHeight="1" x14ac:dyDescent="0.15">
      <c r="A3" s="798" t="s">
        <v>149</v>
      </c>
      <c r="B3" s="665" t="s">
        <v>1</v>
      </c>
      <c r="C3" s="654" t="s">
        <v>2</v>
      </c>
      <c r="D3" s="649"/>
      <c r="E3" s="798" t="s">
        <v>150</v>
      </c>
      <c r="F3" s="665" t="s">
        <v>1</v>
      </c>
      <c r="G3" s="654" t="s">
        <v>2</v>
      </c>
      <c r="H3" s="654" t="s">
        <v>3</v>
      </c>
    </row>
    <row r="4" spans="1:8" x14ac:dyDescent="0.15">
      <c r="A4" s="798"/>
      <c r="B4" s="38" t="s">
        <v>100</v>
      </c>
      <c r="C4" s="655">
        <v>0.30486111111111108</v>
      </c>
      <c r="D4" s="648"/>
      <c r="E4" s="798"/>
      <c r="F4" s="38" t="s">
        <v>151</v>
      </c>
      <c r="G4" s="657">
        <v>0.6875</v>
      </c>
      <c r="H4" s="657">
        <v>0.73611111111111116</v>
      </c>
    </row>
    <row r="5" spans="1:8" x14ac:dyDescent="0.15">
      <c r="A5" s="798"/>
      <c r="B5" s="16" t="s">
        <v>152</v>
      </c>
      <c r="C5" s="655">
        <v>0.30555555555555552</v>
      </c>
      <c r="D5" s="648"/>
      <c r="E5" s="798"/>
      <c r="F5" s="38" t="s">
        <v>153</v>
      </c>
      <c r="G5" s="657">
        <v>0.68819444444444444</v>
      </c>
      <c r="H5" s="657">
        <v>0.7368055555555556</v>
      </c>
    </row>
    <row r="6" spans="1:8" x14ac:dyDescent="0.15">
      <c r="A6" s="798"/>
      <c r="B6" s="16" t="s">
        <v>154</v>
      </c>
      <c r="C6" s="655">
        <v>0.30763888888888885</v>
      </c>
      <c r="D6" s="648"/>
      <c r="E6" s="798"/>
      <c r="F6" s="38" t="s">
        <v>155</v>
      </c>
      <c r="G6" s="657">
        <v>0.68958333333333333</v>
      </c>
      <c r="H6" s="657">
        <v>0.73819444444444449</v>
      </c>
    </row>
    <row r="7" spans="1:8" x14ac:dyDescent="0.15">
      <c r="A7" s="798"/>
      <c r="B7" s="16" t="s">
        <v>156</v>
      </c>
      <c r="C7" s="655">
        <v>0.30902777777777773</v>
      </c>
      <c r="D7" s="648"/>
      <c r="E7" s="798"/>
      <c r="F7" s="16" t="s">
        <v>157</v>
      </c>
      <c r="G7" s="657">
        <v>0.69027777777777777</v>
      </c>
      <c r="H7" s="657">
        <v>0.73888888888888893</v>
      </c>
    </row>
    <row r="8" spans="1:8" x14ac:dyDescent="0.15">
      <c r="A8" s="798"/>
      <c r="B8" s="16" t="s">
        <v>158</v>
      </c>
      <c r="C8" s="655">
        <v>0.31041666666666662</v>
      </c>
      <c r="D8" s="648"/>
      <c r="E8" s="798"/>
      <c r="F8" s="16" t="s">
        <v>889</v>
      </c>
      <c r="G8" s="657">
        <v>0.69097222222222221</v>
      </c>
      <c r="H8" s="657">
        <v>0.73958333333333337</v>
      </c>
    </row>
    <row r="9" spans="1:8" x14ac:dyDescent="0.15">
      <c r="A9" s="798"/>
      <c r="B9" s="16" t="s">
        <v>159</v>
      </c>
      <c r="C9" s="655">
        <v>0.3118055555555555</v>
      </c>
      <c r="D9" s="648"/>
      <c r="E9" s="798"/>
      <c r="F9" s="16" t="s">
        <v>160</v>
      </c>
      <c r="G9" s="657">
        <v>0.69166666666666665</v>
      </c>
      <c r="H9" s="657">
        <v>0.74027777777777781</v>
      </c>
    </row>
    <row r="10" spans="1:8" x14ac:dyDescent="0.15">
      <c r="A10" s="798"/>
      <c r="B10" s="16" t="s">
        <v>161</v>
      </c>
      <c r="C10" s="655">
        <v>0.3125</v>
      </c>
      <c r="D10" s="648"/>
      <c r="E10" s="798"/>
      <c r="F10" s="16" t="s">
        <v>162</v>
      </c>
      <c r="G10" s="657">
        <v>0.69236111111111109</v>
      </c>
      <c r="H10" s="657">
        <v>0.74097222222222225</v>
      </c>
    </row>
    <row r="11" spans="1:8" x14ac:dyDescent="0.15">
      <c r="A11" s="798"/>
      <c r="B11" s="16" t="s">
        <v>159</v>
      </c>
      <c r="C11" s="655">
        <v>0.31319444444444439</v>
      </c>
      <c r="D11" s="648"/>
      <c r="E11" s="798"/>
      <c r="F11" s="16" t="s">
        <v>163</v>
      </c>
      <c r="G11" s="657">
        <v>0.69305555555555554</v>
      </c>
      <c r="H11" s="657">
        <v>0.7416666666666667</v>
      </c>
    </row>
    <row r="12" spans="1:8" x14ac:dyDescent="0.15">
      <c r="A12" s="798"/>
      <c r="B12" s="16" t="s">
        <v>158</v>
      </c>
      <c r="C12" s="655">
        <v>0.31458333333333327</v>
      </c>
      <c r="D12" s="648"/>
      <c r="E12" s="798"/>
      <c r="F12" s="16" t="s">
        <v>164</v>
      </c>
      <c r="G12" s="657">
        <v>0.69374999999999998</v>
      </c>
      <c r="H12" s="657">
        <v>0.74236111111111114</v>
      </c>
    </row>
    <row r="13" spans="1:8" x14ac:dyDescent="0.15">
      <c r="A13" s="798"/>
      <c r="B13" s="16" t="s">
        <v>156</v>
      </c>
      <c r="C13" s="655">
        <v>0.31597222222222215</v>
      </c>
      <c r="D13" s="648"/>
      <c r="E13" s="798"/>
      <c r="F13" s="16" t="s">
        <v>165</v>
      </c>
      <c r="G13" s="657">
        <v>0.69444444444444442</v>
      </c>
      <c r="H13" s="657">
        <v>0.74305555555555558</v>
      </c>
    </row>
    <row r="14" spans="1:8" x14ac:dyDescent="0.15">
      <c r="A14" s="798"/>
      <c r="B14" s="16" t="s">
        <v>166</v>
      </c>
      <c r="C14" s="655">
        <v>0.31597222222222215</v>
      </c>
      <c r="D14" s="648"/>
      <c r="E14" s="798"/>
      <c r="F14" s="16" t="s">
        <v>167</v>
      </c>
      <c r="G14" s="657">
        <v>0.69513888888888886</v>
      </c>
      <c r="H14" s="657">
        <v>0.74375000000000002</v>
      </c>
    </row>
    <row r="15" spans="1:8" x14ac:dyDescent="0.15">
      <c r="A15" s="798"/>
      <c r="B15" s="16" t="s">
        <v>168</v>
      </c>
      <c r="C15" s="655">
        <v>0.31736111111111104</v>
      </c>
      <c r="D15" s="648"/>
      <c r="E15" s="798"/>
      <c r="F15" s="16" t="s">
        <v>169</v>
      </c>
      <c r="G15" s="657">
        <v>0.6958333333333333</v>
      </c>
      <c r="H15" s="657">
        <v>0.74444444444444446</v>
      </c>
    </row>
    <row r="16" spans="1:8" x14ac:dyDescent="0.15">
      <c r="A16" s="798"/>
      <c r="B16" s="16" t="s">
        <v>482</v>
      </c>
      <c r="C16" s="655">
        <v>0.31805555555555548</v>
      </c>
      <c r="D16" s="648"/>
      <c r="E16" s="798"/>
      <c r="F16" s="16" t="s">
        <v>170</v>
      </c>
      <c r="G16" s="657">
        <v>0.69722222222222219</v>
      </c>
      <c r="H16" s="657">
        <v>0.74583333333333335</v>
      </c>
    </row>
    <row r="17" spans="1:8" x14ac:dyDescent="0.15">
      <c r="A17" s="798"/>
      <c r="B17" s="16" t="s">
        <v>171</v>
      </c>
      <c r="C17" s="655">
        <v>0.31805555555555548</v>
      </c>
      <c r="D17" s="648"/>
      <c r="E17" s="798"/>
      <c r="F17" s="16" t="s">
        <v>172</v>
      </c>
      <c r="G17" s="657">
        <v>0.69791666666666663</v>
      </c>
      <c r="H17" s="657">
        <v>0.74652777777777779</v>
      </c>
    </row>
    <row r="18" spans="1:8" x14ac:dyDescent="0.15">
      <c r="A18" s="798"/>
      <c r="B18" s="16" t="s">
        <v>173</v>
      </c>
      <c r="C18" s="655">
        <v>0.31944444444444436</v>
      </c>
      <c r="D18" s="648"/>
      <c r="E18" s="798"/>
      <c r="F18" s="16" t="s">
        <v>174</v>
      </c>
      <c r="G18" s="657">
        <v>0.69861111111111107</v>
      </c>
      <c r="H18" s="657">
        <v>0.74722222222222223</v>
      </c>
    </row>
    <row r="19" spans="1:8" x14ac:dyDescent="0.15">
      <c r="A19" s="798"/>
      <c r="B19" s="16" t="s">
        <v>175</v>
      </c>
      <c r="C19" s="656">
        <v>0.31944444444444436</v>
      </c>
      <c r="D19" s="648"/>
      <c r="E19" s="798"/>
      <c r="F19" s="16" t="s">
        <v>175</v>
      </c>
      <c r="G19" s="657">
        <v>0.69930555555555551</v>
      </c>
      <c r="H19" s="657">
        <v>0.74791666666666667</v>
      </c>
    </row>
    <row r="20" spans="1:8" x14ac:dyDescent="0.15">
      <c r="A20" s="798"/>
      <c r="B20" s="16" t="s">
        <v>174</v>
      </c>
      <c r="C20" s="656">
        <v>0.32013888888888881</v>
      </c>
      <c r="D20" s="648"/>
      <c r="E20" s="798"/>
      <c r="F20" s="16" t="s">
        <v>173</v>
      </c>
      <c r="G20" s="657">
        <v>0.69930555555555551</v>
      </c>
      <c r="H20" s="657">
        <v>0.74791666666666667</v>
      </c>
    </row>
    <row r="21" spans="1:8" x14ac:dyDescent="0.15">
      <c r="A21" s="798"/>
      <c r="B21" s="16" t="s">
        <v>172</v>
      </c>
      <c r="C21" s="656">
        <v>0.32083333333333325</v>
      </c>
      <c r="D21" s="648"/>
      <c r="E21" s="798"/>
      <c r="F21" s="16" t="s">
        <v>171</v>
      </c>
      <c r="G21" s="657">
        <v>0.7006944444444444</v>
      </c>
      <c r="H21" s="657">
        <v>0.74930555555555556</v>
      </c>
    </row>
    <row r="22" spans="1:8" x14ac:dyDescent="0.15">
      <c r="A22" s="798"/>
      <c r="B22" s="16" t="s">
        <v>170</v>
      </c>
      <c r="C22" s="656">
        <v>0.32152777777777769</v>
      </c>
      <c r="D22" s="648"/>
      <c r="E22" s="798"/>
      <c r="F22" s="16" t="s">
        <v>482</v>
      </c>
      <c r="G22" s="657">
        <v>0.7006944444444444</v>
      </c>
      <c r="H22" s="657">
        <v>0.74930555555555556</v>
      </c>
    </row>
    <row r="23" spans="1:8" x14ac:dyDescent="0.15">
      <c r="A23" s="798"/>
      <c r="B23" s="16" t="s">
        <v>165</v>
      </c>
      <c r="C23" s="656">
        <v>0.32361111111111102</v>
      </c>
      <c r="D23" s="648"/>
      <c r="E23" s="798"/>
      <c r="F23" s="16" t="s">
        <v>168</v>
      </c>
      <c r="G23" s="657">
        <v>0.70138888888888884</v>
      </c>
      <c r="H23" s="657">
        <v>0.75</v>
      </c>
    </row>
    <row r="24" spans="1:8" x14ac:dyDescent="0.15">
      <c r="A24" s="798"/>
      <c r="B24" s="16" t="s">
        <v>164</v>
      </c>
      <c r="C24" s="656">
        <v>0.32430555555555546</v>
      </c>
      <c r="D24" s="648"/>
      <c r="E24" s="798"/>
      <c r="F24" s="16" t="s">
        <v>166</v>
      </c>
      <c r="G24" s="657">
        <v>0.70277777777777772</v>
      </c>
      <c r="H24" s="657">
        <v>0.75138888888888888</v>
      </c>
    </row>
    <row r="25" spans="1:8" x14ac:dyDescent="0.15">
      <c r="A25" s="798"/>
      <c r="B25" s="16" t="s">
        <v>163</v>
      </c>
      <c r="C25" s="656">
        <v>0.32500000000000001</v>
      </c>
      <c r="D25" s="648"/>
      <c r="E25" s="798"/>
      <c r="F25" s="16" t="s">
        <v>154</v>
      </c>
      <c r="G25" s="657">
        <v>0.70347222222222217</v>
      </c>
      <c r="H25" s="658">
        <v>0.75208333333333333</v>
      </c>
    </row>
    <row r="26" spans="1:8" x14ac:dyDescent="0.15">
      <c r="A26" s="798"/>
      <c r="B26" s="16" t="s">
        <v>162</v>
      </c>
      <c r="C26" s="656">
        <v>0.32569444444444434</v>
      </c>
      <c r="D26" s="648"/>
      <c r="E26" s="798"/>
      <c r="F26" s="16" t="s">
        <v>152</v>
      </c>
      <c r="G26" s="657">
        <v>0.70555555555555549</v>
      </c>
      <c r="H26" s="658">
        <v>0.75416666666666665</v>
      </c>
    </row>
    <row r="27" spans="1:8" x14ac:dyDescent="0.15">
      <c r="A27" s="798"/>
      <c r="B27" s="16" t="s">
        <v>160</v>
      </c>
      <c r="C27" s="656">
        <v>0.32638888888888878</v>
      </c>
      <c r="D27" s="648"/>
      <c r="E27" s="798"/>
      <c r="F27" s="38" t="s">
        <v>100</v>
      </c>
      <c r="G27" s="657">
        <v>0.70625000000000004</v>
      </c>
      <c r="H27" s="658">
        <v>0.75486111111111109</v>
      </c>
    </row>
    <row r="28" spans="1:8" x14ac:dyDescent="0.15">
      <c r="A28" s="798"/>
      <c r="B28" s="16" t="s">
        <v>889</v>
      </c>
      <c r="C28" s="656">
        <v>0.32708333333333323</v>
      </c>
      <c r="D28" s="648"/>
      <c r="E28" s="650"/>
    </row>
    <row r="29" spans="1:8" x14ac:dyDescent="0.15">
      <c r="A29" s="798"/>
      <c r="B29" s="16" t="s">
        <v>157</v>
      </c>
      <c r="C29" s="656">
        <v>0.32777777777777767</v>
      </c>
      <c r="D29" s="648"/>
      <c r="E29" s="650"/>
    </row>
    <row r="30" spans="1:8" x14ac:dyDescent="0.15">
      <c r="A30" s="798"/>
      <c r="B30" s="38" t="s">
        <v>155</v>
      </c>
      <c r="C30" s="656">
        <v>0.32847222222222211</v>
      </c>
      <c r="D30" s="648"/>
      <c r="E30" s="650"/>
    </row>
    <row r="31" spans="1:8" x14ac:dyDescent="0.15">
      <c r="A31" s="798"/>
      <c r="B31" s="38" t="s">
        <v>153</v>
      </c>
      <c r="C31" s="656">
        <v>0.32986111111111099</v>
      </c>
      <c r="D31" s="648"/>
      <c r="E31" s="650"/>
    </row>
    <row r="32" spans="1:8" x14ac:dyDescent="0.15">
      <c r="A32" s="798"/>
      <c r="B32" s="38" t="s">
        <v>151</v>
      </c>
      <c r="C32" s="656">
        <v>0.33055555555555544</v>
      </c>
      <c r="D32" s="648"/>
      <c r="E32" s="650"/>
      <c r="F32" s="651"/>
      <c r="G32" s="122"/>
      <c r="H32" s="122"/>
    </row>
    <row r="33" spans="1:8" x14ac:dyDescent="0.15">
      <c r="A33" s="650"/>
      <c r="D33" s="648"/>
      <c r="E33" s="650"/>
      <c r="F33" s="651"/>
      <c r="G33" s="122"/>
      <c r="H33" s="122"/>
    </row>
    <row r="34" spans="1:8" x14ac:dyDescent="0.15">
      <c r="A34" s="650"/>
      <c r="D34" s="648"/>
      <c r="E34" s="650"/>
      <c r="F34" s="651"/>
      <c r="G34" s="122"/>
      <c r="H34" s="122"/>
    </row>
    <row r="35" spans="1:8" x14ac:dyDescent="0.15">
      <c r="A35" s="650"/>
      <c r="B35" s="651"/>
      <c r="C35" s="123"/>
      <c r="D35" s="648"/>
      <c r="E35" s="650"/>
      <c r="F35" s="651"/>
      <c r="G35" s="122"/>
      <c r="H35" s="122"/>
    </row>
    <row r="36" spans="1:8" x14ac:dyDescent="0.15">
      <c r="A36" s="650"/>
      <c r="B36" s="651"/>
      <c r="C36" s="123"/>
      <c r="D36" s="648"/>
      <c r="E36" s="650"/>
      <c r="F36" s="651"/>
      <c r="G36" s="122"/>
      <c r="H36" s="122"/>
    </row>
    <row r="37" spans="1:8" x14ac:dyDescent="0.15">
      <c r="A37" s="650"/>
      <c r="B37" s="652"/>
      <c r="C37" s="123"/>
      <c r="D37" s="648"/>
      <c r="E37" s="650"/>
      <c r="F37" s="651"/>
      <c r="G37" s="122"/>
      <c r="H37" s="122"/>
    </row>
    <row r="38" spans="1:8" x14ac:dyDescent="0.15">
      <c r="A38" s="650"/>
      <c r="B38" s="651"/>
      <c r="C38" s="123"/>
      <c r="D38" s="648"/>
      <c r="E38" s="650"/>
      <c r="F38" s="651"/>
      <c r="G38" s="122"/>
      <c r="H38" s="122"/>
    </row>
    <row r="39" spans="1:8" x14ac:dyDescent="0.15">
      <c r="A39" s="650"/>
      <c r="B39" s="651"/>
      <c r="C39" s="123"/>
      <c r="D39" s="648"/>
      <c r="E39" s="650"/>
    </row>
    <row r="40" spans="1:8" x14ac:dyDescent="0.15">
      <c r="A40" s="650"/>
      <c r="B40" s="651"/>
      <c r="C40" s="123"/>
      <c r="D40" s="648"/>
      <c r="E40" s="650"/>
    </row>
    <row r="41" spans="1:8" x14ac:dyDescent="0.15">
      <c r="A41" s="650"/>
      <c r="B41" s="651"/>
      <c r="C41" s="123"/>
      <c r="D41" s="648"/>
      <c r="E41" s="650"/>
    </row>
    <row r="42" spans="1:8" x14ac:dyDescent="0.15">
      <c r="E42" s="648"/>
      <c r="F42" s="648"/>
    </row>
    <row r="43" spans="1:8" x14ac:dyDescent="0.15">
      <c r="B43" s="648"/>
      <c r="C43" s="648"/>
      <c r="E43" s="648"/>
      <c r="F43" s="648"/>
    </row>
    <row r="44" spans="1:8" ht="14.25" x14ac:dyDescent="0.15">
      <c r="B44" s="124"/>
      <c r="C44" s="323"/>
      <c r="E44" s="648"/>
      <c r="F44" s="648"/>
    </row>
    <row r="46" spans="1:8" x14ac:dyDescent="0.15">
      <c r="E46" s="648"/>
      <c r="F46" s="648"/>
    </row>
    <row r="47" spans="1:8" x14ac:dyDescent="0.15">
      <c r="E47" s="648"/>
      <c r="F47" s="648"/>
    </row>
    <row r="48" spans="1:8" x14ac:dyDescent="0.15">
      <c r="E48" s="648"/>
      <c r="F48" s="648"/>
    </row>
    <row r="49" spans="5:6" x14ac:dyDescent="0.15">
      <c r="E49" s="648"/>
      <c r="F49" s="648"/>
    </row>
    <row r="50" spans="5:6" x14ac:dyDescent="0.15">
      <c r="E50" s="648"/>
      <c r="F50" s="648"/>
    </row>
    <row r="51" spans="5:6" x14ac:dyDescent="0.15">
      <c r="E51" s="648"/>
      <c r="F51" s="648"/>
    </row>
    <row r="52" spans="5:6" x14ac:dyDescent="0.15">
      <c r="E52" s="648"/>
      <c r="F52" s="648"/>
    </row>
    <row r="53" spans="5:6" x14ac:dyDescent="0.15">
      <c r="E53" s="648"/>
      <c r="F53" s="648"/>
    </row>
    <row r="54" spans="5:6" x14ac:dyDescent="0.15">
      <c r="E54" s="648"/>
      <c r="F54" s="648"/>
    </row>
    <row r="55" spans="5:6" x14ac:dyDescent="0.15">
      <c r="E55" s="648"/>
      <c r="F55" s="648"/>
    </row>
    <row r="56" spans="5:6" x14ac:dyDescent="0.15">
      <c r="E56" s="648"/>
      <c r="F56" s="648"/>
    </row>
    <row r="57" spans="5:6" x14ac:dyDescent="0.15">
      <c r="E57" s="648"/>
      <c r="F57" s="648"/>
    </row>
    <row r="58" spans="5:6" x14ac:dyDescent="0.15">
      <c r="E58" s="648"/>
      <c r="F58" s="648"/>
    </row>
    <row r="59" spans="5:6" x14ac:dyDescent="0.15">
      <c r="E59" s="648"/>
      <c r="F59" s="648"/>
    </row>
    <row r="60" spans="5:6" x14ac:dyDescent="0.15">
      <c r="E60" s="648"/>
      <c r="F60" s="648"/>
    </row>
    <row r="61" spans="5:6" x14ac:dyDescent="0.15">
      <c r="E61" s="648"/>
      <c r="F61" s="648"/>
    </row>
    <row r="62" spans="5:6" x14ac:dyDescent="0.15">
      <c r="E62" s="648"/>
      <c r="F62" s="648"/>
    </row>
    <row r="63" spans="5:6" x14ac:dyDescent="0.15">
      <c r="E63" s="648"/>
      <c r="F63" s="648"/>
    </row>
    <row r="64" spans="5:6" x14ac:dyDescent="0.15">
      <c r="E64" s="648"/>
      <c r="F64" s="648"/>
    </row>
    <row r="65" spans="5:6" x14ac:dyDescent="0.15">
      <c r="E65" s="648"/>
      <c r="F65" s="648"/>
    </row>
    <row r="66" spans="5:6" x14ac:dyDescent="0.15">
      <c r="E66" s="648"/>
      <c r="F66" s="648"/>
    </row>
    <row r="67" spans="5:6" x14ac:dyDescent="0.15">
      <c r="E67" s="648"/>
      <c r="F67" s="648"/>
    </row>
    <row r="68" spans="5:6" x14ac:dyDescent="0.15">
      <c r="E68" s="648"/>
      <c r="F68" s="648"/>
    </row>
    <row r="69" spans="5:6" x14ac:dyDescent="0.15">
      <c r="E69" s="648"/>
      <c r="F69" s="648"/>
    </row>
    <row r="70" spans="5:6" x14ac:dyDescent="0.15">
      <c r="E70" s="648"/>
      <c r="F70" s="648"/>
    </row>
    <row r="71" spans="5:6" x14ac:dyDescent="0.15">
      <c r="E71" s="648"/>
      <c r="F71" s="648"/>
    </row>
    <row r="72" spans="5:6" x14ac:dyDescent="0.15">
      <c r="E72" s="648"/>
      <c r="F72" s="648"/>
    </row>
    <row r="73" spans="5:6" x14ac:dyDescent="0.15">
      <c r="E73" s="648"/>
      <c r="F73" s="648"/>
    </row>
    <row r="74" spans="5:6" x14ac:dyDescent="0.15">
      <c r="E74" s="648"/>
      <c r="F74" s="648"/>
    </row>
    <row r="75" spans="5:6" x14ac:dyDescent="0.15">
      <c r="E75" s="648"/>
      <c r="F75" s="648"/>
    </row>
    <row r="76" spans="5:6" x14ac:dyDescent="0.15">
      <c r="E76" s="648"/>
      <c r="F76" s="648"/>
    </row>
    <row r="77" spans="5:6" x14ac:dyDescent="0.15">
      <c r="E77" s="648"/>
      <c r="F77" s="648"/>
    </row>
    <row r="78" spans="5:6" x14ac:dyDescent="0.15">
      <c r="E78" s="648"/>
      <c r="F78" s="648"/>
    </row>
    <row r="79" spans="5:6" x14ac:dyDescent="0.15">
      <c r="E79" s="648"/>
      <c r="F79" s="648"/>
    </row>
    <row r="80" spans="5:6" x14ac:dyDescent="0.15">
      <c r="E80" s="648"/>
      <c r="F80" s="648"/>
    </row>
  </sheetData>
  <mergeCells count="3">
    <mergeCell ref="A3:A32"/>
    <mergeCell ref="E3:E27"/>
    <mergeCell ref="B1:H1"/>
  </mergeCells>
  <phoneticPr fontId="3"/>
  <pageMargins left="0.78740157480314965" right="0" top="0.78740157480314965" bottom="0" header="0.51181102362204722" footer="0.51181102362204722"/>
  <pageSetup paperSize="9" orientation="portrait" horizontalDpi="300" verticalDpi="300" r:id="rId1"/>
  <headerFooter alignWithMargins="0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4"/>
  <sheetViews>
    <sheetView view="pageBreakPreview" zoomScaleNormal="100" zoomScaleSheetLayoutView="100" workbookViewId="0">
      <selection activeCell="G3" sqref="G3:G46"/>
    </sheetView>
  </sheetViews>
  <sheetFormatPr defaultRowHeight="13.5" x14ac:dyDescent="0.15"/>
  <cols>
    <col min="1" max="1" width="2.875" style="2" bestFit="1" customWidth="1"/>
    <col min="2" max="2" width="26.125" style="2" bestFit="1" customWidth="1"/>
    <col min="3" max="3" width="6.375" style="2" bestFit="1" customWidth="1"/>
    <col min="4" max="5" width="7.25" style="2" bestFit="1" customWidth="1"/>
    <col min="6" max="6" width="3.625" style="2" customWidth="1"/>
    <col min="7" max="7" width="2.875" style="2" bestFit="1" customWidth="1"/>
    <col min="8" max="8" width="20" style="2" bestFit="1" customWidth="1"/>
    <col min="9" max="9" width="7.25" style="2" bestFit="1" customWidth="1"/>
    <col min="10" max="11" width="7.25" style="2" customWidth="1"/>
    <col min="12" max="12" width="7.25" style="2" bestFit="1" customWidth="1"/>
    <col min="13" max="13" width="7.25" style="186" bestFit="1" customWidth="1"/>
    <col min="14" max="16384" width="9" style="2"/>
  </cols>
  <sheetData>
    <row r="1" spans="1:13" ht="24" x14ac:dyDescent="0.15">
      <c r="A1" s="218"/>
      <c r="B1" s="800" t="s">
        <v>477</v>
      </c>
      <c r="C1" s="801"/>
      <c r="D1" s="801"/>
      <c r="E1" s="801"/>
      <c r="F1" s="801"/>
      <c r="G1" s="801"/>
      <c r="H1" s="801"/>
      <c r="I1" s="801"/>
      <c r="J1" s="801"/>
      <c r="K1" s="801"/>
      <c r="L1" s="801"/>
      <c r="M1" s="801"/>
    </row>
    <row r="2" spans="1:13" x14ac:dyDescent="0.15">
      <c r="A2" s="187"/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  <c r="M2" s="187"/>
    </row>
    <row r="3" spans="1:13" ht="17.100000000000001" customHeight="1" x14ac:dyDescent="0.15">
      <c r="A3" s="802" t="s">
        <v>478</v>
      </c>
      <c r="B3" s="666" t="s">
        <v>1</v>
      </c>
      <c r="C3" s="219" t="s">
        <v>2</v>
      </c>
      <c r="D3" s="220" t="s">
        <v>3</v>
      </c>
      <c r="E3" s="220" t="s">
        <v>4</v>
      </c>
      <c r="F3" s="3"/>
      <c r="G3" s="806" t="s">
        <v>479</v>
      </c>
      <c r="H3" s="666" t="s">
        <v>1</v>
      </c>
      <c r="I3" s="221" t="s">
        <v>2</v>
      </c>
      <c r="J3" s="809" t="s">
        <v>3</v>
      </c>
      <c r="K3" s="810"/>
      <c r="L3" s="222" t="s">
        <v>4</v>
      </c>
      <c r="M3" s="219" t="s">
        <v>5</v>
      </c>
    </row>
    <row r="4" spans="1:13" ht="17.100000000000001" customHeight="1" x14ac:dyDescent="0.15">
      <c r="A4" s="803"/>
      <c r="B4" s="223" t="s">
        <v>100</v>
      </c>
      <c r="C4" s="69" t="s">
        <v>54</v>
      </c>
      <c r="D4" s="12">
        <v>0.375</v>
      </c>
      <c r="E4" s="12">
        <v>0.60763888888888895</v>
      </c>
      <c r="F4" s="3"/>
      <c r="G4" s="807"/>
      <c r="H4" s="224" t="s">
        <v>100</v>
      </c>
      <c r="I4" s="225">
        <v>0.4375</v>
      </c>
      <c r="J4" s="226">
        <v>0.65625</v>
      </c>
      <c r="K4" s="227">
        <v>0.67361111111111116</v>
      </c>
      <c r="L4" s="228">
        <v>0.70833333333333337</v>
      </c>
      <c r="M4" s="160">
        <v>0.75</v>
      </c>
    </row>
    <row r="5" spans="1:13" ht="17.100000000000001" customHeight="1" x14ac:dyDescent="0.15">
      <c r="A5" s="803"/>
      <c r="B5" s="17" t="s">
        <v>480</v>
      </c>
      <c r="C5" s="69" t="s">
        <v>54</v>
      </c>
      <c r="D5" s="12">
        <v>0.375</v>
      </c>
      <c r="E5" s="12">
        <v>0.60763888888888895</v>
      </c>
      <c r="F5" s="3"/>
      <c r="G5" s="807"/>
      <c r="H5" s="13" t="s">
        <v>480</v>
      </c>
      <c r="I5" s="229" t="s">
        <v>19</v>
      </c>
      <c r="J5" s="230" t="s">
        <v>19</v>
      </c>
      <c r="K5" s="227" t="s">
        <v>19</v>
      </c>
      <c r="L5" s="228" t="s">
        <v>19</v>
      </c>
      <c r="M5" s="160" t="s">
        <v>19</v>
      </c>
    </row>
    <row r="6" spans="1:13" ht="17.100000000000001" customHeight="1" x14ac:dyDescent="0.15">
      <c r="A6" s="803"/>
      <c r="B6" s="231" t="s">
        <v>481</v>
      </c>
      <c r="C6" s="232" t="s">
        <v>54</v>
      </c>
      <c r="D6" s="233">
        <v>0.37638888888888888</v>
      </c>
      <c r="E6" s="233">
        <v>0.60902777777777783</v>
      </c>
      <c r="F6" s="3"/>
      <c r="G6" s="807"/>
      <c r="H6" s="18" t="s">
        <v>481</v>
      </c>
      <c r="I6" s="234">
        <v>0.43888888888888888</v>
      </c>
      <c r="J6" s="235">
        <v>0.65763888888888888</v>
      </c>
      <c r="K6" s="236">
        <v>0.67499999999999993</v>
      </c>
      <c r="L6" s="237">
        <v>0.70972222222222225</v>
      </c>
      <c r="M6" s="238">
        <v>0.75138888888888899</v>
      </c>
    </row>
    <row r="7" spans="1:13" ht="17.100000000000001" customHeight="1" x14ac:dyDescent="0.15">
      <c r="A7" s="804"/>
      <c r="B7" s="239" t="s">
        <v>161</v>
      </c>
      <c r="C7" s="240" t="s">
        <v>54</v>
      </c>
      <c r="D7" s="241">
        <v>0.37847222222222227</v>
      </c>
      <c r="E7" s="242" t="s">
        <v>19</v>
      </c>
      <c r="F7" s="3"/>
      <c r="G7" s="807"/>
      <c r="H7" s="243" t="s">
        <v>161</v>
      </c>
      <c r="I7" s="244">
        <v>0.44166666666666665</v>
      </c>
      <c r="J7" s="245">
        <v>0.66041666666666665</v>
      </c>
      <c r="K7" s="246">
        <v>0.67638888888888893</v>
      </c>
      <c r="L7" s="247" t="s">
        <v>19</v>
      </c>
      <c r="M7" s="248" t="s">
        <v>19</v>
      </c>
    </row>
    <row r="8" spans="1:13" ht="17.100000000000001" customHeight="1" x14ac:dyDescent="0.15">
      <c r="A8" s="803"/>
      <c r="B8" s="20" t="s">
        <v>156</v>
      </c>
      <c r="C8" s="249" t="s">
        <v>54</v>
      </c>
      <c r="D8" s="250">
        <v>0.38055555555555554</v>
      </c>
      <c r="E8" s="250">
        <v>0.61041666666666672</v>
      </c>
      <c r="F8" s="3"/>
      <c r="G8" s="807"/>
      <c r="H8" s="251" t="s">
        <v>156</v>
      </c>
      <c r="I8" s="252">
        <v>0.44375000000000003</v>
      </c>
      <c r="J8" s="253">
        <v>0.66249999999999998</v>
      </c>
      <c r="K8" s="254">
        <v>0.67847222222222225</v>
      </c>
      <c r="L8" s="255">
        <v>0.71111111111111114</v>
      </c>
      <c r="M8" s="256">
        <v>0.75277777777777777</v>
      </c>
    </row>
    <row r="9" spans="1:13" ht="17.100000000000001" customHeight="1" x14ac:dyDescent="0.15">
      <c r="A9" s="803"/>
      <c r="B9" s="17" t="s">
        <v>166</v>
      </c>
      <c r="C9" s="69" t="s">
        <v>54</v>
      </c>
      <c r="D9" s="12" t="s">
        <v>19</v>
      </c>
      <c r="E9" s="12" t="s">
        <v>19</v>
      </c>
      <c r="F9" s="3"/>
      <c r="G9" s="807"/>
      <c r="H9" s="13" t="s">
        <v>166</v>
      </c>
      <c r="I9" s="257" t="s">
        <v>19</v>
      </c>
      <c r="J9" s="258">
        <v>0.66319444444444442</v>
      </c>
      <c r="K9" s="227" t="s">
        <v>19</v>
      </c>
      <c r="L9" s="228" t="s">
        <v>19</v>
      </c>
      <c r="M9" s="160" t="s">
        <v>19</v>
      </c>
    </row>
    <row r="10" spans="1:13" ht="17.100000000000001" customHeight="1" x14ac:dyDescent="0.15">
      <c r="A10" s="803"/>
      <c r="B10" s="17" t="s">
        <v>168</v>
      </c>
      <c r="C10" s="69" t="s">
        <v>54</v>
      </c>
      <c r="D10" s="12">
        <v>0.38263888888888892</v>
      </c>
      <c r="E10" s="12">
        <v>0.6118055555555556</v>
      </c>
      <c r="F10" s="3"/>
      <c r="G10" s="807"/>
      <c r="H10" s="13" t="s">
        <v>168</v>
      </c>
      <c r="I10" s="257">
        <v>0.44513888888888892</v>
      </c>
      <c r="J10" s="258">
        <v>0.66388888888888886</v>
      </c>
      <c r="K10" s="227">
        <v>0.67986111111111114</v>
      </c>
      <c r="L10" s="228">
        <v>0.71319444444444446</v>
      </c>
      <c r="M10" s="160">
        <v>0.75486111111111109</v>
      </c>
    </row>
    <row r="11" spans="1:13" ht="17.100000000000001" customHeight="1" x14ac:dyDescent="0.15">
      <c r="A11" s="803"/>
      <c r="B11" s="103" t="s">
        <v>482</v>
      </c>
      <c r="C11" s="69" t="s">
        <v>54</v>
      </c>
      <c r="D11" s="12">
        <v>0.38263888888888892</v>
      </c>
      <c r="E11" s="12">
        <v>0.6118055555555556</v>
      </c>
      <c r="F11" s="3"/>
      <c r="G11" s="807"/>
      <c r="H11" s="159" t="s">
        <v>482</v>
      </c>
      <c r="I11" s="257">
        <v>0.44513888888888892</v>
      </c>
      <c r="J11" s="258">
        <v>0.66388888888888886</v>
      </c>
      <c r="K11" s="227">
        <v>0.67986111111111114</v>
      </c>
      <c r="L11" s="228">
        <v>0.71319444444444446</v>
      </c>
      <c r="M11" s="160">
        <v>0.75486111111111109</v>
      </c>
    </row>
    <row r="12" spans="1:13" ht="17.100000000000001" customHeight="1" x14ac:dyDescent="0.15">
      <c r="A12" s="803"/>
      <c r="B12" s="103" t="s">
        <v>483</v>
      </c>
      <c r="C12" s="69" t="s">
        <v>54</v>
      </c>
      <c r="D12" s="12">
        <v>0.3840277777777778</v>
      </c>
      <c r="E12" s="12">
        <v>0.61319444444444449</v>
      </c>
      <c r="F12" s="3"/>
      <c r="G12" s="807"/>
      <c r="H12" s="159" t="s">
        <v>483</v>
      </c>
      <c r="I12" s="257">
        <v>0.4465277777777778</v>
      </c>
      <c r="J12" s="258">
        <v>0.66527777777777775</v>
      </c>
      <c r="K12" s="227">
        <v>0.68125000000000002</v>
      </c>
      <c r="L12" s="228">
        <v>0.71458333333333324</v>
      </c>
      <c r="M12" s="160">
        <v>0.75624999999999998</v>
      </c>
    </row>
    <row r="13" spans="1:13" ht="17.100000000000001" customHeight="1" x14ac:dyDescent="0.15">
      <c r="A13" s="803"/>
      <c r="B13" s="17" t="s">
        <v>484</v>
      </c>
      <c r="C13" s="69">
        <v>0.30694444444444441</v>
      </c>
      <c r="D13" s="12">
        <v>0.38611111111111113</v>
      </c>
      <c r="E13" s="12">
        <v>0.61527777777777781</v>
      </c>
      <c r="F13" s="3"/>
      <c r="G13" s="807"/>
      <c r="H13" s="18" t="s">
        <v>485</v>
      </c>
      <c r="I13" s="259">
        <v>0.45</v>
      </c>
      <c r="J13" s="260">
        <v>0.66875000000000007</v>
      </c>
      <c r="K13" s="236">
        <v>0.68402777777777779</v>
      </c>
      <c r="L13" s="237">
        <v>0.71736111111111101</v>
      </c>
      <c r="M13" s="238">
        <v>0.75902777777777775</v>
      </c>
    </row>
    <row r="14" spans="1:13" ht="17.100000000000001" customHeight="1" x14ac:dyDescent="0.15">
      <c r="A14" s="803"/>
      <c r="B14" s="17" t="s">
        <v>486</v>
      </c>
      <c r="C14" s="69">
        <v>0.30763888888888891</v>
      </c>
      <c r="D14" s="12">
        <v>0.38680555555555557</v>
      </c>
      <c r="E14" s="12">
        <v>0.61597222222222225</v>
      </c>
      <c r="F14" s="3"/>
      <c r="G14" s="807"/>
      <c r="H14" s="251" t="s">
        <v>200</v>
      </c>
      <c r="I14" s="252">
        <v>0.4513888888888889</v>
      </c>
      <c r="J14" s="253">
        <v>0.67013888888888884</v>
      </c>
      <c r="K14" s="254">
        <v>0.68541666666666667</v>
      </c>
      <c r="L14" s="255">
        <v>0.71875</v>
      </c>
      <c r="M14" s="253">
        <v>0.76111111111111107</v>
      </c>
    </row>
    <row r="15" spans="1:13" ht="17.100000000000001" customHeight="1" x14ac:dyDescent="0.15">
      <c r="A15" s="803"/>
      <c r="B15" s="17" t="s">
        <v>487</v>
      </c>
      <c r="C15" s="69">
        <v>0.30833333333333335</v>
      </c>
      <c r="D15" s="12">
        <v>0.38750000000000001</v>
      </c>
      <c r="E15" s="12">
        <v>0.6166666666666667</v>
      </c>
      <c r="F15" s="3"/>
      <c r="G15" s="807"/>
      <c r="H15" s="13" t="s">
        <v>488</v>
      </c>
      <c r="I15" s="257">
        <v>0.45208333333333334</v>
      </c>
      <c r="J15" s="258">
        <v>0.67083333333333339</v>
      </c>
      <c r="K15" s="227">
        <v>0.68611111111111101</v>
      </c>
      <c r="L15" s="228">
        <v>0.71944444444444444</v>
      </c>
      <c r="M15" s="258">
        <v>0.76180555555555562</v>
      </c>
    </row>
    <row r="16" spans="1:13" ht="17.100000000000001" customHeight="1" x14ac:dyDescent="0.15">
      <c r="A16" s="803"/>
      <c r="B16" s="17" t="s">
        <v>489</v>
      </c>
      <c r="C16" s="69" t="s">
        <v>19</v>
      </c>
      <c r="D16" s="12" t="s">
        <v>19</v>
      </c>
      <c r="E16" s="12" t="s">
        <v>19</v>
      </c>
      <c r="F16" s="3"/>
      <c r="G16" s="807"/>
      <c r="H16" s="13" t="s">
        <v>490</v>
      </c>
      <c r="I16" s="257">
        <v>0.45208333333333334</v>
      </c>
      <c r="J16" s="258">
        <v>0.67083333333333339</v>
      </c>
      <c r="K16" s="227">
        <v>0.68611111111111101</v>
      </c>
      <c r="L16" s="228">
        <v>0.71944444444444444</v>
      </c>
      <c r="M16" s="258">
        <v>0.76180555555555562</v>
      </c>
    </row>
    <row r="17" spans="1:14" ht="17.100000000000001" customHeight="1" x14ac:dyDescent="0.15">
      <c r="A17" s="803"/>
      <c r="B17" s="17" t="s">
        <v>491</v>
      </c>
      <c r="C17" s="69" t="s">
        <v>19</v>
      </c>
      <c r="D17" s="12" t="s">
        <v>19</v>
      </c>
      <c r="E17" s="12" t="s">
        <v>19</v>
      </c>
      <c r="F17" s="3"/>
      <c r="G17" s="807"/>
      <c r="H17" s="13" t="s">
        <v>492</v>
      </c>
      <c r="I17" s="257">
        <v>0.45277777777777778</v>
      </c>
      <c r="J17" s="258">
        <v>0.67152777777777783</v>
      </c>
      <c r="K17" s="227">
        <v>0.68680555555555556</v>
      </c>
      <c r="L17" s="228">
        <v>0.72013888888888899</v>
      </c>
      <c r="M17" s="258">
        <v>0.76250000000000007</v>
      </c>
    </row>
    <row r="18" spans="1:14" ht="17.100000000000001" customHeight="1" x14ac:dyDescent="0.15">
      <c r="A18" s="803"/>
      <c r="B18" s="17" t="s">
        <v>493</v>
      </c>
      <c r="C18" s="69">
        <v>0.31041666666666667</v>
      </c>
      <c r="D18" s="12">
        <v>0.38958333333333334</v>
      </c>
      <c r="E18" s="12">
        <v>0.61875000000000002</v>
      </c>
      <c r="F18" s="3"/>
      <c r="G18" s="807"/>
      <c r="H18" s="261" t="s">
        <v>494</v>
      </c>
      <c r="I18" s="259">
        <v>0.45277777777777778</v>
      </c>
      <c r="J18" s="260">
        <v>0.67152777777777783</v>
      </c>
      <c r="K18" s="262">
        <v>0.68680555555555556</v>
      </c>
      <c r="L18" s="263">
        <v>0.72013888888888899</v>
      </c>
      <c r="M18" s="260">
        <v>0.76250000000000007</v>
      </c>
    </row>
    <row r="19" spans="1:14" ht="17.100000000000001" customHeight="1" x14ac:dyDescent="0.15">
      <c r="A19" s="803"/>
      <c r="B19" s="75" t="s">
        <v>495</v>
      </c>
      <c r="C19" s="160">
        <v>0.31111111111111112</v>
      </c>
      <c r="D19" s="12" t="s">
        <v>19</v>
      </c>
      <c r="E19" s="12">
        <v>0.61944444444444446</v>
      </c>
      <c r="F19" s="3"/>
      <c r="G19" s="807"/>
      <c r="H19" s="251" t="s">
        <v>496</v>
      </c>
      <c r="I19" s="252">
        <v>0.45624999999999999</v>
      </c>
      <c r="J19" s="253">
        <v>0.67499999999999993</v>
      </c>
      <c r="K19" s="264">
        <v>0.68958333333333333</v>
      </c>
      <c r="L19" s="265">
        <v>0.72291666666666676</v>
      </c>
      <c r="M19" s="266" t="s">
        <v>19</v>
      </c>
    </row>
    <row r="20" spans="1:14" ht="17.100000000000001" customHeight="1" x14ac:dyDescent="0.15">
      <c r="A20" s="803"/>
      <c r="B20" s="75" t="s">
        <v>497</v>
      </c>
      <c r="C20" s="160">
        <v>0.31180555555555556</v>
      </c>
      <c r="D20" s="12" t="s">
        <v>19</v>
      </c>
      <c r="E20" s="12">
        <v>0.62013888888888891</v>
      </c>
      <c r="F20" s="3"/>
      <c r="G20" s="807"/>
      <c r="H20" s="13" t="s">
        <v>498</v>
      </c>
      <c r="I20" s="257">
        <v>0.45763888888888887</v>
      </c>
      <c r="J20" s="258">
        <v>0.67638888888888893</v>
      </c>
      <c r="K20" s="227">
        <v>0.69166666666666676</v>
      </c>
      <c r="L20" s="228">
        <v>0.72499999999999998</v>
      </c>
      <c r="M20" s="160">
        <v>0.76527777777777783</v>
      </c>
    </row>
    <row r="21" spans="1:14" ht="17.100000000000001" customHeight="1" x14ac:dyDescent="0.15">
      <c r="A21" s="803"/>
      <c r="B21" s="75" t="s">
        <v>499</v>
      </c>
      <c r="C21" s="160">
        <v>0.31319444444444444</v>
      </c>
      <c r="D21" s="12" t="s">
        <v>19</v>
      </c>
      <c r="E21" s="12">
        <v>0.62152777777777779</v>
      </c>
      <c r="F21" s="3"/>
      <c r="G21" s="807"/>
      <c r="H21" s="13" t="s">
        <v>500</v>
      </c>
      <c r="I21" s="257">
        <v>0.45902777777777781</v>
      </c>
      <c r="J21" s="258">
        <v>0.6777777777777777</v>
      </c>
      <c r="K21" s="227">
        <v>0.69305555555555554</v>
      </c>
      <c r="L21" s="228">
        <v>0.72638888888888886</v>
      </c>
      <c r="M21" s="160">
        <v>0.76666666666666661</v>
      </c>
      <c r="N21" s="267"/>
    </row>
    <row r="22" spans="1:14" ht="17.100000000000001" customHeight="1" x14ac:dyDescent="0.15">
      <c r="A22" s="803"/>
      <c r="B22" s="17" t="s">
        <v>491</v>
      </c>
      <c r="C22" s="69">
        <v>0.31458333333333333</v>
      </c>
      <c r="D22" s="12">
        <v>0.39027777777777778</v>
      </c>
      <c r="E22" s="12">
        <v>0.62291666666666667</v>
      </c>
      <c r="F22" s="3"/>
      <c r="G22" s="807"/>
      <c r="H22" s="13" t="s">
        <v>487</v>
      </c>
      <c r="I22" s="257">
        <v>0.4597222222222222</v>
      </c>
      <c r="J22" s="258">
        <v>0.6791666666666667</v>
      </c>
      <c r="K22" s="227">
        <v>0.69444444444444453</v>
      </c>
      <c r="L22" s="228">
        <v>0.72777777777777775</v>
      </c>
      <c r="M22" s="160">
        <v>0.76736111111111116</v>
      </c>
    </row>
    <row r="23" spans="1:14" ht="17.100000000000001" customHeight="1" x14ac:dyDescent="0.15">
      <c r="A23" s="803"/>
      <c r="B23" s="17" t="s">
        <v>489</v>
      </c>
      <c r="C23" s="69">
        <v>0.31527777777777777</v>
      </c>
      <c r="D23" s="12">
        <v>0.39097222222222222</v>
      </c>
      <c r="E23" s="12">
        <v>0.62361111111111112</v>
      </c>
      <c r="F23" s="3"/>
      <c r="G23" s="807"/>
      <c r="H23" s="13" t="s">
        <v>501</v>
      </c>
      <c r="I23" s="257">
        <v>0.4604166666666667</v>
      </c>
      <c r="J23" s="258">
        <v>0.68055555555555547</v>
      </c>
      <c r="K23" s="227">
        <v>0.6958333333333333</v>
      </c>
      <c r="L23" s="228">
        <v>0.72916666666666663</v>
      </c>
      <c r="M23" s="160">
        <v>0.76874999999999993</v>
      </c>
    </row>
    <row r="24" spans="1:14" ht="17.100000000000001" customHeight="1" x14ac:dyDescent="0.15">
      <c r="A24" s="803"/>
      <c r="B24" s="17" t="s">
        <v>502</v>
      </c>
      <c r="C24" s="69">
        <v>0.31597222222222221</v>
      </c>
      <c r="D24" s="12">
        <v>0.39166666666666666</v>
      </c>
      <c r="E24" s="12">
        <v>0.62430555555555556</v>
      </c>
      <c r="F24" s="3"/>
      <c r="G24" s="807"/>
      <c r="H24" s="13" t="s">
        <v>503</v>
      </c>
      <c r="I24" s="257">
        <v>0.46111111111111108</v>
      </c>
      <c r="J24" s="258">
        <v>0.68125000000000002</v>
      </c>
      <c r="K24" s="227">
        <v>0.69652777777777775</v>
      </c>
      <c r="L24" s="228">
        <v>0.72986111111111107</v>
      </c>
      <c r="M24" s="160">
        <v>0.76944444444444438</v>
      </c>
    </row>
    <row r="25" spans="1:14" ht="17.100000000000001" customHeight="1" x14ac:dyDescent="0.15">
      <c r="A25" s="803"/>
      <c r="B25" s="17" t="s">
        <v>504</v>
      </c>
      <c r="C25" s="69" t="s">
        <v>19</v>
      </c>
      <c r="D25" s="12" t="s">
        <v>19</v>
      </c>
      <c r="E25" s="12" t="s">
        <v>19</v>
      </c>
      <c r="F25" s="3"/>
      <c r="G25" s="807"/>
      <c r="H25" s="13" t="s">
        <v>505</v>
      </c>
      <c r="I25" s="257">
        <v>0.46180555555555558</v>
      </c>
      <c r="J25" s="258">
        <v>0.68263888888888891</v>
      </c>
      <c r="K25" s="227">
        <v>0.69791666666666663</v>
      </c>
      <c r="L25" s="228">
        <v>0.73125000000000007</v>
      </c>
      <c r="M25" s="160">
        <v>0.77013888888888893</v>
      </c>
    </row>
    <row r="26" spans="1:14" ht="17.100000000000001" customHeight="1" x14ac:dyDescent="0.15">
      <c r="A26" s="803"/>
      <c r="B26" s="17" t="s">
        <v>505</v>
      </c>
      <c r="C26" s="69">
        <v>0.31875000000000003</v>
      </c>
      <c r="D26" s="12">
        <v>0.39444444444444443</v>
      </c>
      <c r="E26" s="12">
        <v>0.62708333333333333</v>
      </c>
      <c r="F26" s="3"/>
      <c r="G26" s="807"/>
      <c r="H26" s="13" t="s">
        <v>504</v>
      </c>
      <c r="I26" s="257" t="s">
        <v>19</v>
      </c>
      <c r="J26" s="258" t="s">
        <v>19</v>
      </c>
      <c r="K26" s="227" t="s">
        <v>19</v>
      </c>
      <c r="L26" s="228" t="s">
        <v>19</v>
      </c>
      <c r="M26" s="160" t="s">
        <v>19</v>
      </c>
    </row>
    <row r="27" spans="1:14" ht="17.100000000000001" customHeight="1" x14ac:dyDescent="0.15">
      <c r="A27" s="803"/>
      <c r="B27" s="17" t="s">
        <v>503</v>
      </c>
      <c r="C27" s="69">
        <v>0.31944444444444448</v>
      </c>
      <c r="D27" s="12">
        <v>0.39513888888888887</v>
      </c>
      <c r="E27" s="12">
        <v>0.62777777777777777</v>
      </c>
      <c r="F27" s="3"/>
      <c r="G27" s="807"/>
      <c r="H27" s="13" t="s">
        <v>502</v>
      </c>
      <c r="I27" s="257">
        <v>0.46319444444444446</v>
      </c>
      <c r="J27" s="258">
        <v>0.68402777777777779</v>
      </c>
      <c r="K27" s="227">
        <v>0.69930555555555562</v>
      </c>
      <c r="L27" s="228">
        <v>0.73263888888888884</v>
      </c>
      <c r="M27" s="160">
        <v>0.7715277777777777</v>
      </c>
    </row>
    <row r="28" spans="1:14" ht="17.100000000000001" customHeight="1" x14ac:dyDescent="0.15">
      <c r="A28" s="803"/>
      <c r="B28" s="17" t="s">
        <v>501</v>
      </c>
      <c r="C28" s="69">
        <v>0.32013888888888892</v>
      </c>
      <c r="D28" s="12">
        <v>0.39583333333333331</v>
      </c>
      <c r="E28" s="12">
        <v>0.62847222222222221</v>
      </c>
      <c r="F28" s="3"/>
      <c r="G28" s="807"/>
      <c r="H28" s="13" t="s">
        <v>489</v>
      </c>
      <c r="I28" s="257">
        <v>0.46388888888888885</v>
      </c>
      <c r="J28" s="258">
        <v>0.68472222222222223</v>
      </c>
      <c r="K28" s="227">
        <v>0.7006944444444444</v>
      </c>
      <c r="L28" s="228">
        <v>0.73402777777777783</v>
      </c>
      <c r="M28" s="160">
        <v>0.77222222222222225</v>
      </c>
    </row>
    <row r="29" spans="1:14" ht="17.100000000000001" customHeight="1" x14ac:dyDescent="0.15">
      <c r="A29" s="803"/>
      <c r="B29" s="17" t="s">
        <v>487</v>
      </c>
      <c r="C29" s="69">
        <v>0.3215277777777778</v>
      </c>
      <c r="D29" s="12">
        <v>0.3972222222222222</v>
      </c>
      <c r="E29" s="12">
        <v>0.62986111111111109</v>
      </c>
      <c r="F29" s="3"/>
      <c r="G29" s="807"/>
      <c r="H29" s="13" t="s">
        <v>491</v>
      </c>
      <c r="I29" s="257">
        <v>0.46458333333333335</v>
      </c>
      <c r="J29" s="258">
        <v>0.68472222222222223</v>
      </c>
      <c r="K29" s="227">
        <v>0.70138888888888884</v>
      </c>
      <c r="L29" s="228">
        <v>0.73472222222222217</v>
      </c>
      <c r="M29" s="160">
        <v>0.7729166666666667</v>
      </c>
    </row>
    <row r="30" spans="1:14" ht="17.100000000000001" customHeight="1" x14ac:dyDescent="0.15">
      <c r="A30" s="803"/>
      <c r="B30" s="17" t="s">
        <v>500</v>
      </c>
      <c r="C30" s="69">
        <v>0.32291666666666669</v>
      </c>
      <c r="D30" s="12">
        <v>0.39861111111111108</v>
      </c>
      <c r="E30" s="12">
        <v>0.63124999999999998</v>
      </c>
      <c r="F30" s="3"/>
      <c r="G30" s="807"/>
      <c r="H30" s="13" t="s">
        <v>493</v>
      </c>
      <c r="I30" s="257">
        <v>0.46597222222222223</v>
      </c>
      <c r="J30" s="258">
        <v>0.68541666666666667</v>
      </c>
      <c r="K30" s="227">
        <v>0.70208333333333339</v>
      </c>
      <c r="L30" s="228">
        <v>0.73541666666666661</v>
      </c>
      <c r="M30" s="160">
        <v>0.77361111111111114</v>
      </c>
    </row>
    <row r="31" spans="1:14" ht="17.100000000000001" customHeight="1" x14ac:dyDescent="0.15">
      <c r="A31" s="803"/>
      <c r="B31" s="17" t="s">
        <v>498</v>
      </c>
      <c r="C31" s="69">
        <v>0.32430555555555557</v>
      </c>
      <c r="D31" s="12">
        <v>0.39999999999999997</v>
      </c>
      <c r="E31" s="12">
        <v>0.63263888888888886</v>
      </c>
      <c r="F31" s="3"/>
      <c r="G31" s="807"/>
      <c r="H31" s="39" t="s">
        <v>495</v>
      </c>
      <c r="I31" s="257" t="s">
        <v>19</v>
      </c>
      <c r="J31" s="258">
        <v>0.68611111111111101</v>
      </c>
      <c r="K31" s="227">
        <v>0.70277777777777783</v>
      </c>
      <c r="L31" s="268" t="s">
        <v>19</v>
      </c>
      <c r="M31" s="160" t="s">
        <v>19</v>
      </c>
    </row>
    <row r="32" spans="1:14" ht="17.100000000000001" customHeight="1" x14ac:dyDescent="0.15">
      <c r="A32" s="803"/>
      <c r="B32" s="21" t="s">
        <v>496</v>
      </c>
      <c r="C32" s="238">
        <v>0.32708333333333334</v>
      </c>
      <c r="D32" s="269">
        <v>0.40277777777777773</v>
      </c>
      <c r="E32" s="269">
        <v>0.63541666666666663</v>
      </c>
      <c r="F32" s="3"/>
      <c r="G32" s="807"/>
      <c r="H32" s="39" t="s">
        <v>497</v>
      </c>
      <c r="I32" s="257" t="s">
        <v>19</v>
      </c>
      <c r="J32" s="258">
        <v>0.68680555555555556</v>
      </c>
      <c r="K32" s="227">
        <v>0.70347222222222217</v>
      </c>
      <c r="L32" s="268" t="s">
        <v>19</v>
      </c>
      <c r="M32" s="160" t="s">
        <v>19</v>
      </c>
    </row>
    <row r="33" spans="1:14" ht="17.100000000000001" customHeight="1" x14ac:dyDescent="0.15">
      <c r="A33" s="804"/>
      <c r="B33" s="239" t="s">
        <v>485</v>
      </c>
      <c r="C33" s="270" t="s">
        <v>19</v>
      </c>
      <c r="D33" s="241">
        <v>0.4055555555555555</v>
      </c>
      <c r="E33" s="242">
        <v>0.6381944444444444</v>
      </c>
      <c r="F33" s="3"/>
      <c r="G33" s="807"/>
      <c r="H33" s="39" t="s">
        <v>499</v>
      </c>
      <c r="I33" s="257" t="s">
        <v>19</v>
      </c>
      <c r="J33" s="258">
        <v>0.68819444444444444</v>
      </c>
      <c r="K33" s="227">
        <v>0.70486111111111116</v>
      </c>
      <c r="L33" s="268" t="s">
        <v>19</v>
      </c>
      <c r="M33" s="160" t="s">
        <v>19</v>
      </c>
    </row>
    <row r="34" spans="1:14" ht="17.100000000000001" customHeight="1" x14ac:dyDescent="0.15">
      <c r="A34" s="803"/>
      <c r="B34" s="20" t="s">
        <v>200</v>
      </c>
      <c r="C34" s="266">
        <v>0.33055555555555555</v>
      </c>
      <c r="D34" s="250">
        <v>0.4069444444444445</v>
      </c>
      <c r="E34" s="250">
        <v>0.63958333333333328</v>
      </c>
      <c r="F34" s="3"/>
      <c r="G34" s="807"/>
      <c r="H34" s="13" t="s">
        <v>491</v>
      </c>
      <c r="I34" s="257" t="s">
        <v>19</v>
      </c>
      <c r="J34" s="258" t="s">
        <v>19</v>
      </c>
      <c r="K34" s="227" t="s">
        <v>19</v>
      </c>
      <c r="L34" s="228" t="s">
        <v>19</v>
      </c>
      <c r="M34" s="160" t="s">
        <v>19</v>
      </c>
    </row>
    <row r="35" spans="1:14" ht="17.100000000000001" customHeight="1" x14ac:dyDescent="0.15">
      <c r="A35" s="803"/>
      <c r="B35" s="17" t="s">
        <v>488</v>
      </c>
      <c r="C35" s="160" t="s">
        <v>19</v>
      </c>
      <c r="D35" s="12">
        <v>0.40763888888888888</v>
      </c>
      <c r="E35" s="12">
        <v>0.64027777777777783</v>
      </c>
      <c r="F35" s="3"/>
      <c r="G35" s="807"/>
      <c r="H35" s="13" t="s">
        <v>489</v>
      </c>
      <c r="I35" s="257" t="s">
        <v>19</v>
      </c>
      <c r="J35" s="258" t="s">
        <v>19</v>
      </c>
      <c r="K35" s="227" t="s">
        <v>19</v>
      </c>
      <c r="L35" s="228" t="s">
        <v>19</v>
      </c>
      <c r="M35" s="160" t="s">
        <v>19</v>
      </c>
    </row>
    <row r="36" spans="1:14" ht="17.100000000000001" customHeight="1" x14ac:dyDescent="0.15">
      <c r="A36" s="803"/>
      <c r="B36" s="17" t="s">
        <v>490</v>
      </c>
      <c r="C36" s="160">
        <v>0.33124999999999999</v>
      </c>
      <c r="D36" s="12">
        <v>0.40763888888888888</v>
      </c>
      <c r="E36" s="12">
        <v>0.64027777777777783</v>
      </c>
      <c r="F36" s="3"/>
      <c r="G36" s="807"/>
      <c r="H36" s="13" t="s">
        <v>486</v>
      </c>
      <c r="I36" s="257">
        <v>0.4694444444444445</v>
      </c>
      <c r="J36" s="258">
        <v>0.69166666666666676</v>
      </c>
      <c r="K36" s="227">
        <v>0.7090277777777777</v>
      </c>
      <c r="L36" s="228">
        <v>0.73888888888888893</v>
      </c>
      <c r="M36" s="160">
        <v>0.77708333333333324</v>
      </c>
    </row>
    <row r="37" spans="1:14" ht="17.100000000000001" customHeight="1" x14ac:dyDescent="0.15">
      <c r="A37" s="803"/>
      <c r="B37" s="17" t="s">
        <v>492</v>
      </c>
      <c r="C37" s="160">
        <v>0.33194444444444443</v>
      </c>
      <c r="D37" s="12">
        <v>0.40833333333333338</v>
      </c>
      <c r="E37" s="12">
        <v>0.64097222222222217</v>
      </c>
      <c r="F37" s="3"/>
      <c r="G37" s="807"/>
      <c r="H37" s="13" t="s">
        <v>484</v>
      </c>
      <c r="I37" s="257">
        <v>0.47013888888888888</v>
      </c>
      <c r="J37" s="258">
        <v>0.69236111111111109</v>
      </c>
      <c r="K37" s="227">
        <v>0.70972222222222225</v>
      </c>
      <c r="L37" s="228">
        <v>0.73958333333333337</v>
      </c>
      <c r="M37" s="160">
        <v>0.77777777777777779</v>
      </c>
    </row>
    <row r="38" spans="1:14" ht="17.100000000000001" customHeight="1" x14ac:dyDescent="0.15">
      <c r="A38" s="803"/>
      <c r="B38" s="103" t="s">
        <v>494</v>
      </c>
      <c r="C38" s="160">
        <v>0.33194444444444443</v>
      </c>
      <c r="D38" s="12">
        <v>0.40833333333333338</v>
      </c>
      <c r="E38" s="12">
        <v>0.64097222222222217</v>
      </c>
      <c r="F38" s="3"/>
      <c r="G38" s="807"/>
      <c r="H38" s="159" t="s">
        <v>483</v>
      </c>
      <c r="I38" s="257">
        <v>0.47222222222222227</v>
      </c>
      <c r="J38" s="258">
        <v>0.69444444444444453</v>
      </c>
      <c r="K38" s="227">
        <v>0.71180555555555547</v>
      </c>
      <c r="L38" s="228" t="s">
        <v>54</v>
      </c>
      <c r="M38" s="160" t="s">
        <v>54</v>
      </c>
    </row>
    <row r="39" spans="1:14" ht="17.100000000000001" customHeight="1" x14ac:dyDescent="0.15">
      <c r="A39" s="803"/>
      <c r="B39" s="17" t="s">
        <v>483</v>
      </c>
      <c r="C39" s="160">
        <v>0.3354166666666667</v>
      </c>
      <c r="D39" s="12">
        <v>0.41180555555555554</v>
      </c>
      <c r="E39" s="12">
        <v>0.64444444444444449</v>
      </c>
      <c r="F39" s="3"/>
      <c r="G39" s="807"/>
      <c r="H39" s="159" t="s">
        <v>482</v>
      </c>
      <c r="I39" s="257">
        <v>0.47291666666666665</v>
      </c>
      <c r="J39" s="258">
        <v>0.69513888888888886</v>
      </c>
      <c r="K39" s="227">
        <v>0.71319444444444446</v>
      </c>
      <c r="L39" s="228" t="s">
        <v>54</v>
      </c>
      <c r="M39" s="160" t="s">
        <v>54</v>
      </c>
    </row>
    <row r="40" spans="1:14" ht="17.100000000000001" customHeight="1" x14ac:dyDescent="0.15">
      <c r="A40" s="803"/>
      <c r="B40" s="103" t="s">
        <v>482</v>
      </c>
      <c r="C40" s="160">
        <v>0.33680555555555558</v>
      </c>
      <c r="D40" s="12">
        <v>0.41319444444444442</v>
      </c>
      <c r="E40" s="12">
        <v>0.64583333333333337</v>
      </c>
      <c r="F40" s="3"/>
      <c r="G40" s="807"/>
      <c r="H40" s="13" t="s">
        <v>168</v>
      </c>
      <c r="I40" s="257">
        <v>0.47361111111111115</v>
      </c>
      <c r="J40" s="258">
        <v>0.6958333333333333</v>
      </c>
      <c r="K40" s="227">
        <v>0.71319444444444446</v>
      </c>
      <c r="L40" s="228" t="s">
        <v>54</v>
      </c>
      <c r="M40" s="160" t="s">
        <v>54</v>
      </c>
    </row>
    <row r="41" spans="1:14" ht="17.100000000000001" customHeight="1" x14ac:dyDescent="0.15">
      <c r="A41" s="803"/>
      <c r="B41" s="17" t="s">
        <v>168</v>
      </c>
      <c r="C41" s="160">
        <v>0.33680555555555558</v>
      </c>
      <c r="D41" s="12">
        <v>0.41319444444444442</v>
      </c>
      <c r="E41" s="12">
        <v>0.64583333333333337</v>
      </c>
      <c r="F41" s="3"/>
      <c r="G41" s="807"/>
      <c r="H41" s="13" t="s">
        <v>166</v>
      </c>
      <c r="I41" s="257" t="s">
        <v>19</v>
      </c>
      <c r="J41" s="258" t="s">
        <v>19</v>
      </c>
      <c r="K41" s="227" t="s">
        <v>19</v>
      </c>
      <c r="L41" s="228" t="s">
        <v>54</v>
      </c>
      <c r="M41" s="160" t="s">
        <v>54</v>
      </c>
    </row>
    <row r="42" spans="1:14" ht="17.100000000000001" customHeight="1" x14ac:dyDescent="0.15">
      <c r="A42" s="803"/>
      <c r="B42" s="17" t="s">
        <v>166</v>
      </c>
      <c r="C42" s="160">
        <v>0.33749999999999997</v>
      </c>
      <c r="D42" s="12" t="s">
        <v>19</v>
      </c>
      <c r="E42" s="12" t="s">
        <v>19</v>
      </c>
      <c r="F42" s="3"/>
      <c r="G42" s="807"/>
      <c r="H42" s="18" t="s">
        <v>156</v>
      </c>
      <c r="I42" s="259">
        <v>0.47500000000000003</v>
      </c>
      <c r="J42" s="260">
        <v>0.6972222222222223</v>
      </c>
      <c r="K42" s="236">
        <v>0.71458333333333324</v>
      </c>
      <c r="L42" s="237" t="s">
        <v>54</v>
      </c>
      <c r="M42" s="238" t="s">
        <v>54</v>
      </c>
    </row>
    <row r="43" spans="1:14" ht="17.100000000000001" customHeight="1" x14ac:dyDescent="0.15">
      <c r="A43" s="803"/>
      <c r="B43" s="21" t="s">
        <v>156</v>
      </c>
      <c r="C43" s="238">
        <v>0.33888888888888885</v>
      </c>
      <c r="D43" s="269">
        <v>0.4145833333333333</v>
      </c>
      <c r="E43" s="269">
        <v>0.64722222222222225</v>
      </c>
      <c r="F43" s="3"/>
      <c r="G43" s="807"/>
      <c r="H43" s="243" t="s">
        <v>161</v>
      </c>
      <c r="I43" s="271">
        <v>0.4777777777777778</v>
      </c>
      <c r="J43" s="272" t="s">
        <v>19</v>
      </c>
      <c r="K43" s="273" t="s">
        <v>19</v>
      </c>
      <c r="L43" s="274" t="s">
        <v>54</v>
      </c>
      <c r="M43" s="272" t="s">
        <v>54</v>
      </c>
      <c r="N43" s="275"/>
    </row>
    <row r="44" spans="1:14" ht="17.100000000000001" customHeight="1" x14ac:dyDescent="0.15">
      <c r="A44" s="804"/>
      <c r="B44" s="239" t="s">
        <v>161</v>
      </c>
      <c r="C44" s="270">
        <v>0.34097222222222223</v>
      </c>
      <c r="D44" s="241" t="s">
        <v>19</v>
      </c>
      <c r="E44" s="242" t="s">
        <v>19</v>
      </c>
      <c r="F44" s="3"/>
      <c r="G44" s="807"/>
      <c r="H44" s="251" t="s">
        <v>481</v>
      </c>
      <c r="I44" s="252">
        <v>0.47986111111111113</v>
      </c>
      <c r="J44" s="253">
        <v>0.69861111111111107</v>
      </c>
      <c r="K44" s="264">
        <v>0.71597222222222223</v>
      </c>
      <c r="L44" s="265" t="s">
        <v>54</v>
      </c>
      <c r="M44" s="266" t="s">
        <v>54</v>
      </c>
    </row>
    <row r="45" spans="1:14" ht="17.100000000000001" customHeight="1" x14ac:dyDescent="0.15">
      <c r="A45" s="803"/>
      <c r="B45" s="20" t="s">
        <v>481</v>
      </c>
      <c r="C45" s="266">
        <v>0.34236111111111112</v>
      </c>
      <c r="D45" s="250">
        <v>0.41597222222222219</v>
      </c>
      <c r="E45" s="250">
        <v>0.64861111111111114</v>
      </c>
      <c r="F45" s="3"/>
      <c r="G45" s="807"/>
      <c r="H45" s="13" t="s">
        <v>480</v>
      </c>
      <c r="I45" s="257">
        <v>0.48055555555555557</v>
      </c>
      <c r="J45" s="258">
        <v>0.69930555555555562</v>
      </c>
      <c r="K45" s="227">
        <v>0.71666666666666667</v>
      </c>
      <c r="L45" s="268" t="s">
        <v>54</v>
      </c>
      <c r="M45" s="160" t="s">
        <v>54</v>
      </c>
    </row>
    <row r="46" spans="1:14" ht="17.100000000000001" customHeight="1" x14ac:dyDescent="0.15">
      <c r="A46" s="803"/>
      <c r="B46" s="17" t="s">
        <v>480</v>
      </c>
      <c r="C46" s="160" t="s">
        <v>19</v>
      </c>
      <c r="D46" s="12" t="s">
        <v>19</v>
      </c>
      <c r="E46" s="12" t="s">
        <v>19</v>
      </c>
      <c r="F46" s="3"/>
      <c r="G46" s="808"/>
      <c r="H46" s="224" t="s">
        <v>100</v>
      </c>
      <c r="I46" s="259">
        <v>0.4826388888888889</v>
      </c>
      <c r="J46" s="260">
        <v>0.70138888888888884</v>
      </c>
      <c r="K46" s="227">
        <v>0.71666666666666667</v>
      </c>
      <c r="L46" s="268" t="s">
        <v>54</v>
      </c>
      <c r="M46" s="160" t="s">
        <v>54</v>
      </c>
    </row>
    <row r="47" spans="1:14" ht="17.100000000000001" customHeight="1" x14ac:dyDescent="0.15">
      <c r="A47" s="805"/>
      <c r="B47" s="38" t="s">
        <v>100</v>
      </c>
      <c r="C47" s="160">
        <v>0.34375</v>
      </c>
      <c r="D47" s="12">
        <v>0.41666666666666669</v>
      </c>
      <c r="E47" s="12">
        <v>0.64930555555555558</v>
      </c>
      <c r="F47" s="3"/>
      <c r="G47" s="276"/>
      <c r="H47" s="3"/>
      <c r="I47" s="132"/>
      <c r="J47" s="132"/>
      <c r="K47" s="3"/>
      <c r="L47" s="3"/>
      <c r="M47" s="187"/>
    </row>
    <row r="48" spans="1:14" x14ac:dyDescent="0.15">
      <c r="A48" s="276"/>
      <c r="B48" s="3"/>
      <c r="C48" s="3"/>
      <c r="D48" s="3"/>
      <c r="E48" s="3"/>
      <c r="F48" s="3"/>
      <c r="G48" s="3"/>
      <c r="H48" s="3"/>
      <c r="I48" s="3"/>
      <c r="J48" s="3"/>
      <c r="K48" s="3"/>
      <c r="L48" s="3"/>
      <c r="M48" s="187"/>
    </row>
    <row r="49" spans="1:7" x14ac:dyDescent="0.15">
      <c r="A49" s="276"/>
      <c r="F49" s="3"/>
      <c r="G49" s="3"/>
    </row>
    <row r="50" spans="1:7" x14ac:dyDescent="0.15">
      <c r="A50" s="276"/>
      <c r="F50" s="3"/>
      <c r="G50" s="3"/>
    </row>
    <row r="51" spans="1:7" x14ac:dyDescent="0.15">
      <c r="A51" s="3"/>
      <c r="F51" s="3"/>
      <c r="G51" s="3"/>
    </row>
    <row r="52" spans="1:7" x14ac:dyDescent="0.15">
      <c r="A52" s="3"/>
      <c r="F52" s="3"/>
      <c r="G52" s="3"/>
    </row>
    <row r="53" spans="1:7" x14ac:dyDescent="0.15">
      <c r="A53" s="3"/>
      <c r="F53" s="3"/>
      <c r="G53" s="3"/>
    </row>
    <row r="54" spans="1:7" x14ac:dyDescent="0.15">
      <c r="A54" s="3"/>
      <c r="F54" s="3"/>
    </row>
  </sheetData>
  <mergeCells count="4">
    <mergeCell ref="B1:M1"/>
    <mergeCell ref="A3:A47"/>
    <mergeCell ref="G3:G46"/>
    <mergeCell ref="J3:K3"/>
  </mergeCells>
  <phoneticPr fontId="3"/>
  <printOptions horizontalCentered="1" verticalCentered="1"/>
  <pageMargins left="0" right="0" top="0" bottom="0" header="0" footer="0"/>
  <pageSetup paperSize="9" scale="86" orientation="portrait" horizontalDpi="300" verticalDpi="300" r:id="rId1"/>
  <headerFooter alignWithMargins="0">
    <oddFooter xml:space="preserve">&amp;C&amp;16 </oddFooter>
  </headerFooter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60"/>
  <sheetViews>
    <sheetView showGridLines="0" view="pageBreakPreview" zoomScale="70" zoomScaleNormal="100" zoomScaleSheetLayoutView="70" workbookViewId="0">
      <selection activeCell="G4" sqref="G4"/>
    </sheetView>
  </sheetViews>
  <sheetFormatPr defaultColWidth="23.5" defaultRowHeight="15" customHeight="1" x14ac:dyDescent="0.15"/>
  <cols>
    <col min="1" max="1" width="4.125" style="186" customWidth="1"/>
    <col min="2" max="2" width="20.625" style="186" customWidth="1"/>
    <col min="3" max="8" width="7.625" style="186" customWidth="1"/>
    <col min="9" max="9" width="3.625" style="186" customWidth="1"/>
    <col min="10" max="10" width="4.125" style="186" customWidth="1"/>
    <col min="11" max="11" width="20.625" style="186" customWidth="1"/>
    <col min="12" max="18" width="7.625" style="186" customWidth="1"/>
    <col min="19" max="19" width="7.125" style="186" customWidth="1"/>
    <col min="20" max="16384" width="23.5" style="186"/>
  </cols>
  <sheetData>
    <row r="1" spans="1:19" ht="24.95" customHeight="1" x14ac:dyDescent="0.15">
      <c r="A1" s="277"/>
      <c r="B1" s="811" t="s">
        <v>506</v>
      </c>
      <c r="C1" s="812"/>
      <c r="D1" s="812"/>
      <c r="E1" s="812"/>
      <c r="F1" s="812"/>
      <c r="G1" s="812"/>
      <c r="H1" s="812"/>
      <c r="I1" s="812"/>
      <c r="J1" s="812"/>
      <c r="K1" s="812"/>
      <c r="L1" s="812"/>
      <c r="M1" s="812"/>
      <c r="N1" s="812"/>
      <c r="O1" s="812"/>
      <c r="P1" s="812"/>
      <c r="Q1" s="812"/>
      <c r="R1" s="812"/>
    </row>
    <row r="2" spans="1:19" ht="15" customHeight="1" x14ac:dyDescent="0.15">
      <c r="A2" s="187"/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  <c r="M2" s="187"/>
      <c r="N2" s="187"/>
      <c r="O2" s="187"/>
      <c r="P2" s="187"/>
      <c r="Q2" s="187"/>
      <c r="R2" s="44"/>
      <c r="S2" s="187"/>
    </row>
    <row r="3" spans="1:19" ht="15" customHeight="1" x14ac:dyDescent="0.15">
      <c r="A3" s="813" t="s">
        <v>507</v>
      </c>
      <c r="B3" s="278" t="s">
        <v>1</v>
      </c>
      <c r="C3" s="279" t="s">
        <v>2</v>
      </c>
      <c r="D3" s="101" t="s">
        <v>3</v>
      </c>
      <c r="E3" s="280" t="s">
        <v>4</v>
      </c>
      <c r="F3" s="101" t="s">
        <v>5</v>
      </c>
      <c r="G3" s="101" t="s">
        <v>6</v>
      </c>
      <c r="H3" s="101" t="s">
        <v>7</v>
      </c>
      <c r="I3" s="539"/>
      <c r="J3" s="813" t="s">
        <v>508</v>
      </c>
      <c r="K3" s="278" t="s">
        <v>1</v>
      </c>
      <c r="L3" s="279" t="s">
        <v>2</v>
      </c>
      <c r="M3" s="101" t="s">
        <v>3</v>
      </c>
      <c r="N3" s="101" t="s">
        <v>4</v>
      </c>
      <c r="O3" s="101" t="s">
        <v>5</v>
      </c>
      <c r="P3" s="101" t="s">
        <v>6</v>
      </c>
      <c r="Q3" s="281" t="s">
        <v>7</v>
      </c>
      <c r="R3" s="282" t="s">
        <v>8</v>
      </c>
    </row>
    <row r="4" spans="1:19" s="668" customFormat="1" ht="15" customHeight="1" x14ac:dyDescent="0.15">
      <c r="A4" s="814"/>
      <c r="B4" s="283" t="s">
        <v>100</v>
      </c>
      <c r="C4" s="284" t="s">
        <v>509</v>
      </c>
      <c r="D4" s="285">
        <v>0.35416666666666669</v>
      </c>
      <c r="E4" s="286">
        <v>0.4375</v>
      </c>
      <c r="F4" s="285">
        <v>0.53125</v>
      </c>
      <c r="G4" s="285">
        <v>0.61458333333333337</v>
      </c>
      <c r="H4" s="285">
        <v>0.70833333333333337</v>
      </c>
      <c r="I4" s="667"/>
      <c r="J4" s="814"/>
      <c r="K4" s="287" t="s">
        <v>100</v>
      </c>
      <c r="L4" s="288">
        <v>0.2986111111111111</v>
      </c>
      <c r="M4" s="285">
        <v>0.39583333333333331</v>
      </c>
      <c r="N4" s="285">
        <v>0.48958333333333331</v>
      </c>
      <c r="O4" s="285">
        <v>0.57291666666666663</v>
      </c>
      <c r="P4" s="285">
        <v>0.65625</v>
      </c>
      <c r="Q4" s="288">
        <v>0.75694444444444453</v>
      </c>
      <c r="R4" s="289">
        <v>0.79861111111111116</v>
      </c>
    </row>
    <row r="5" spans="1:19" s="668" customFormat="1" ht="15" customHeight="1" x14ac:dyDescent="0.15">
      <c r="A5" s="815"/>
      <c r="B5" s="669" t="s">
        <v>102</v>
      </c>
      <c r="C5" s="284" t="s">
        <v>509</v>
      </c>
      <c r="D5" s="285">
        <v>0.35625000000000001</v>
      </c>
      <c r="E5" s="286">
        <v>0.43958333333333333</v>
      </c>
      <c r="F5" s="285">
        <v>0.53333333333333333</v>
      </c>
      <c r="G5" s="285">
        <v>0.6166666666666667</v>
      </c>
      <c r="H5" s="285">
        <v>0.7104166666666667</v>
      </c>
      <c r="I5" s="667"/>
      <c r="J5" s="815"/>
      <c r="K5" s="670" t="s">
        <v>152</v>
      </c>
      <c r="L5" s="288">
        <v>0.29930555555555555</v>
      </c>
      <c r="M5" s="285">
        <v>0.39652777777777776</v>
      </c>
      <c r="N5" s="285">
        <v>0.49027777777777776</v>
      </c>
      <c r="O5" s="285">
        <v>0.57361111111111107</v>
      </c>
      <c r="P5" s="285">
        <v>0.65694444444444444</v>
      </c>
      <c r="Q5" s="288">
        <v>0.75763888888888897</v>
      </c>
      <c r="R5" s="289">
        <v>0.7993055555555556</v>
      </c>
    </row>
    <row r="6" spans="1:19" s="668" customFormat="1" ht="15" customHeight="1" x14ac:dyDescent="0.15">
      <c r="A6" s="815"/>
      <c r="B6" s="670" t="s">
        <v>510</v>
      </c>
      <c r="C6" s="284" t="s">
        <v>509</v>
      </c>
      <c r="D6" s="285">
        <v>0.35694444444444445</v>
      </c>
      <c r="E6" s="286">
        <v>0.44027777777777777</v>
      </c>
      <c r="F6" s="285">
        <v>0.53402777777777777</v>
      </c>
      <c r="G6" s="285">
        <v>0.61736111111111114</v>
      </c>
      <c r="H6" s="285">
        <v>0.71111111111111114</v>
      </c>
      <c r="I6" s="667"/>
      <c r="J6" s="814"/>
      <c r="K6" s="670" t="s">
        <v>511</v>
      </c>
      <c r="L6" s="288">
        <v>0.3</v>
      </c>
      <c r="M6" s="285">
        <v>0.3972222222222222</v>
      </c>
      <c r="N6" s="285">
        <v>0.4909722222222222</v>
      </c>
      <c r="O6" s="285">
        <v>0.57430555555555551</v>
      </c>
      <c r="P6" s="285">
        <v>0.65763888888888888</v>
      </c>
      <c r="Q6" s="288">
        <v>0.75833333333333341</v>
      </c>
      <c r="R6" s="289">
        <v>0.8</v>
      </c>
    </row>
    <row r="7" spans="1:19" s="668" customFormat="1" ht="15" customHeight="1" x14ac:dyDescent="0.15">
      <c r="A7" s="815"/>
      <c r="B7" s="670" t="s">
        <v>512</v>
      </c>
      <c r="C7" s="284" t="s">
        <v>509</v>
      </c>
      <c r="D7" s="285">
        <v>0.35833333333333334</v>
      </c>
      <c r="E7" s="286">
        <v>0.44166666666666665</v>
      </c>
      <c r="F7" s="285">
        <v>0.53541666666666665</v>
      </c>
      <c r="G7" s="285">
        <v>0.61875000000000002</v>
      </c>
      <c r="H7" s="285">
        <v>0.71250000000000002</v>
      </c>
      <c r="I7" s="667"/>
      <c r="J7" s="814"/>
      <c r="K7" s="670" t="s">
        <v>513</v>
      </c>
      <c r="L7" s="288">
        <v>0.30069444444444443</v>
      </c>
      <c r="M7" s="285">
        <v>0.39791666666666664</v>
      </c>
      <c r="N7" s="285">
        <v>0.49166666666666664</v>
      </c>
      <c r="O7" s="285">
        <v>0.57499999999999996</v>
      </c>
      <c r="P7" s="285">
        <v>0.65833333333333333</v>
      </c>
      <c r="Q7" s="288">
        <v>0.75902777777777786</v>
      </c>
      <c r="R7" s="289">
        <v>0.80069444444444449</v>
      </c>
    </row>
    <row r="8" spans="1:19" s="668" customFormat="1" ht="15" customHeight="1" x14ac:dyDescent="0.15">
      <c r="A8" s="815"/>
      <c r="B8" s="670" t="s">
        <v>514</v>
      </c>
      <c r="C8" s="284" t="s">
        <v>509</v>
      </c>
      <c r="D8" s="285">
        <v>0.35902777777777778</v>
      </c>
      <c r="E8" s="286">
        <v>0.44236111111111109</v>
      </c>
      <c r="F8" s="285">
        <v>0.53611111111111109</v>
      </c>
      <c r="G8" s="285">
        <v>0.61944444444444446</v>
      </c>
      <c r="H8" s="285">
        <v>0.71319444444444446</v>
      </c>
      <c r="I8" s="667"/>
      <c r="J8" s="814"/>
      <c r="K8" s="671" t="s">
        <v>515</v>
      </c>
      <c r="L8" s="288">
        <v>0.30138888888888887</v>
      </c>
      <c r="M8" s="285">
        <v>0.39861111111111108</v>
      </c>
      <c r="N8" s="285">
        <v>0.49236111111111108</v>
      </c>
      <c r="O8" s="285">
        <v>0.5756944444444444</v>
      </c>
      <c r="P8" s="285">
        <v>0.65902777777777777</v>
      </c>
      <c r="Q8" s="288">
        <v>0.7597222222222223</v>
      </c>
      <c r="R8" s="289">
        <v>0.80138888888888893</v>
      </c>
    </row>
    <row r="9" spans="1:19" s="668" customFormat="1" ht="15" customHeight="1" x14ac:dyDescent="0.15">
      <c r="A9" s="815"/>
      <c r="B9" s="670" t="s">
        <v>395</v>
      </c>
      <c r="C9" s="284" t="s">
        <v>516</v>
      </c>
      <c r="D9" s="285">
        <v>0.35972222222222222</v>
      </c>
      <c r="E9" s="286">
        <v>0.44305555555555554</v>
      </c>
      <c r="F9" s="285">
        <v>0.53680555555555554</v>
      </c>
      <c r="G9" s="285">
        <v>0.62013888888888891</v>
      </c>
      <c r="H9" s="285">
        <v>0.71388888888888891</v>
      </c>
      <c r="I9" s="667"/>
      <c r="J9" s="814"/>
      <c r="K9" s="290" t="s">
        <v>517</v>
      </c>
      <c r="L9" s="288">
        <v>0.30208333333333331</v>
      </c>
      <c r="M9" s="285">
        <v>0.39930555555555552</v>
      </c>
      <c r="N9" s="285">
        <v>0.49305555555555552</v>
      </c>
      <c r="O9" s="285">
        <v>0.57638888888888884</v>
      </c>
      <c r="P9" s="285">
        <v>0.65972222222222221</v>
      </c>
      <c r="Q9" s="288">
        <v>0.76041666666666674</v>
      </c>
      <c r="R9" s="289">
        <v>0.80208333333333337</v>
      </c>
    </row>
    <row r="10" spans="1:19" s="668" customFormat="1" ht="15" customHeight="1" x14ac:dyDescent="0.15">
      <c r="A10" s="815"/>
      <c r="B10" s="670" t="s">
        <v>161</v>
      </c>
      <c r="C10" s="284" t="s">
        <v>516</v>
      </c>
      <c r="D10" s="285">
        <v>0.36041666666666666</v>
      </c>
      <c r="E10" s="286">
        <v>0.44374999999999998</v>
      </c>
      <c r="F10" s="285">
        <v>0.53749999999999998</v>
      </c>
      <c r="G10" s="285">
        <v>0.62083333333333335</v>
      </c>
      <c r="H10" s="285">
        <v>0.71458333333333335</v>
      </c>
      <c r="I10" s="667"/>
      <c r="J10" s="814"/>
      <c r="K10" s="672" t="s">
        <v>518</v>
      </c>
      <c r="L10" s="288">
        <v>0.30277777777777776</v>
      </c>
      <c r="M10" s="285">
        <v>0.39999999999999997</v>
      </c>
      <c r="N10" s="285">
        <v>0.49374999999999997</v>
      </c>
      <c r="O10" s="285">
        <v>0.57708333333333328</v>
      </c>
      <c r="P10" s="285">
        <v>0.66041666666666665</v>
      </c>
      <c r="Q10" s="288">
        <v>0.76111111111111118</v>
      </c>
      <c r="R10" s="289">
        <v>0.80277777777777781</v>
      </c>
    </row>
    <row r="11" spans="1:19" s="668" customFormat="1" ht="15" customHeight="1" x14ac:dyDescent="0.15">
      <c r="A11" s="815"/>
      <c r="B11" s="670" t="s">
        <v>159</v>
      </c>
      <c r="C11" s="284" t="s">
        <v>516</v>
      </c>
      <c r="D11" s="285">
        <v>0.3611111111111111</v>
      </c>
      <c r="E11" s="286">
        <v>0.44444444444444442</v>
      </c>
      <c r="F11" s="285">
        <v>0.53819444444444442</v>
      </c>
      <c r="G11" s="285">
        <v>0.62152777777777779</v>
      </c>
      <c r="H11" s="285">
        <v>0.71527777777777779</v>
      </c>
      <c r="I11" s="667"/>
      <c r="J11" s="814"/>
      <c r="K11" s="670" t="s">
        <v>519</v>
      </c>
      <c r="L11" s="288">
        <v>0.3034722222222222</v>
      </c>
      <c r="M11" s="285">
        <v>0.40069444444444441</v>
      </c>
      <c r="N11" s="285">
        <v>0.49444444444444441</v>
      </c>
      <c r="O11" s="285">
        <v>0.57777777777777772</v>
      </c>
      <c r="P11" s="285">
        <v>0.66111111111111109</v>
      </c>
      <c r="Q11" s="288">
        <v>0.76180555555555562</v>
      </c>
      <c r="R11" s="289">
        <v>0.80347222222222225</v>
      </c>
    </row>
    <row r="12" spans="1:19" s="668" customFormat="1" ht="15" customHeight="1" x14ac:dyDescent="0.15">
      <c r="A12" s="815"/>
      <c r="B12" s="291" t="s">
        <v>158</v>
      </c>
      <c r="C12" s="284" t="s">
        <v>520</v>
      </c>
      <c r="D12" s="285">
        <v>0.36180555555555555</v>
      </c>
      <c r="E12" s="286">
        <v>0.44513888888888886</v>
      </c>
      <c r="F12" s="285">
        <v>0.53888888888888886</v>
      </c>
      <c r="G12" s="285">
        <v>0.62222222222222223</v>
      </c>
      <c r="H12" s="285">
        <v>0.71597222222222223</v>
      </c>
      <c r="I12" s="667"/>
      <c r="J12" s="814"/>
      <c r="K12" s="671" t="s">
        <v>521</v>
      </c>
      <c r="L12" s="288">
        <v>0.3034722222222222</v>
      </c>
      <c r="M12" s="285">
        <v>0.40069444444444441</v>
      </c>
      <c r="N12" s="285">
        <v>0.49444444444444441</v>
      </c>
      <c r="O12" s="285">
        <v>0.57777777777777772</v>
      </c>
      <c r="P12" s="285">
        <v>0.66111111111111109</v>
      </c>
      <c r="Q12" s="288">
        <v>0.76180555555555562</v>
      </c>
      <c r="R12" s="289">
        <v>0.80347222222222225</v>
      </c>
    </row>
    <row r="13" spans="1:19" s="668" customFormat="1" ht="15" customHeight="1" x14ac:dyDescent="0.15">
      <c r="A13" s="815"/>
      <c r="B13" s="670" t="s">
        <v>156</v>
      </c>
      <c r="C13" s="284" t="s">
        <v>520</v>
      </c>
      <c r="D13" s="285">
        <v>0.36249999999999999</v>
      </c>
      <c r="E13" s="286">
        <v>0.4458333333333333</v>
      </c>
      <c r="F13" s="285">
        <v>0.5395833333333333</v>
      </c>
      <c r="G13" s="285">
        <v>0.62291666666666667</v>
      </c>
      <c r="H13" s="285">
        <v>0.71666666666666667</v>
      </c>
      <c r="I13" s="667"/>
      <c r="J13" s="814"/>
      <c r="K13" s="290" t="s">
        <v>522</v>
      </c>
      <c r="L13" s="288">
        <v>0.30416666666666664</v>
      </c>
      <c r="M13" s="285">
        <v>0.40138888888888885</v>
      </c>
      <c r="N13" s="285">
        <v>0.49513888888888885</v>
      </c>
      <c r="O13" s="285">
        <v>0.57847222222222217</v>
      </c>
      <c r="P13" s="285">
        <v>0.66180555555555554</v>
      </c>
      <c r="Q13" s="288">
        <v>0.76250000000000007</v>
      </c>
      <c r="R13" s="289">
        <v>0.8041666666666667</v>
      </c>
    </row>
    <row r="14" spans="1:19" s="668" customFormat="1" ht="15" customHeight="1" x14ac:dyDescent="0.15">
      <c r="A14" s="815"/>
      <c r="B14" s="670" t="s">
        <v>523</v>
      </c>
      <c r="C14" s="284" t="s">
        <v>520</v>
      </c>
      <c r="D14" s="285">
        <v>0.36388888888888887</v>
      </c>
      <c r="E14" s="286">
        <v>0.44722222222222219</v>
      </c>
      <c r="F14" s="285">
        <v>0.54097222222222219</v>
      </c>
      <c r="G14" s="285">
        <v>0.62430555555555556</v>
      </c>
      <c r="H14" s="285">
        <v>0.71805555555555556</v>
      </c>
      <c r="I14" s="667"/>
      <c r="J14" s="814"/>
      <c r="K14" s="669" t="s">
        <v>524</v>
      </c>
      <c r="L14" s="288">
        <v>0.30486111111111108</v>
      </c>
      <c r="M14" s="285">
        <v>0.40208333333333329</v>
      </c>
      <c r="N14" s="285">
        <v>0.49583333333333329</v>
      </c>
      <c r="O14" s="285">
        <v>0.57916666666666661</v>
      </c>
      <c r="P14" s="285">
        <v>0.66249999999999998</v>
      </c>
      <c r="Q14" s="288">
        <v>0.76319444444444451</v>
      </c>
      <c r="R14" s="289">
        <v>0.80486111111111114</v>
      </c>
    </row>
    <row r="15" spans="1:19" s="668" customFormat="1" ht="15" customHeight="1" x14ac:dyDescent="0.15">
      <c r="A15" s="815"/>
      <c r="B15" s="670" t="s">
        <v>525</v>
      </c>
      <c r="C15" s="284" t="s">
        <v>520</v>
      </c>
      <c r="D15" s="285">
        <v>0.36458333333333331</v>
      </c>
      <c r="E15" s="286">
        <v>0.44791666666666663</v>
      </c>
      <c r="F15" s="285">
        <v>0.54166666666666663</v>
      </c>
      <c r="G15" s="285">
        <v>0.625</v>
      </c>
      <c r="H15" s="285">
        <v>0.71875</v>
      </c>
      <c r="I15" s="667"/>
      <c r="J15" s="814"/>
      <c r="K15" s="670" t="s">
        <v>526</v>
      </c>
      <c r="L15" s="288">
        <v>0.30555555555555552</v>
      </c>
      <c r="M15" s="285">
        <v>0.40277777777777773</v>
      </c>
      <c r="N15" s="285">
        <v>0.49652777777777773</v>
      </c>
      <c r="O15" s="285">
        <v>0.57986111111111105</v>
      </c>
      <c r="P15" s="285">
        <v>0.66319444444444442</v>
      </c>
      <c r="Q15" s="288">
        <v>0.76388888888888895</v>
      </c>
      <c r="R15" s="289">
        <v>0.80555555555555558</v>
      </c>
    </row>
    <row r="16" spans="1:19" s="668" customFormat="1" ht="15" customHeight="1" x14ac:dyDescent="0.15">
      <c r="A16" s="815"/>
      <c r="B16" s="291" t="s">
        <v>527</v>
      </c>
      <c r="C16" s="284" t="s">
        <v>520</v>
      </c>
      <c r="D16" s="285">
        <v>0.36527777777777776</v>
      </c>
      <c r="E16" s="286">
        <v>0.44861111111111107</v>
      </c>
      <c r="F16" s="285">
        <v>0.54236111111111107</v>
      </c>
      <c r="G16" s="285">
        <v>0.62569444444444444</v>
      </c>
      <c r="H16" s="285">
        <v>0.71944444444444444</v>
      </c>
      <c r="I16" s="667"/>
      <c r="J16" s="814"/>
      <c r="K16" s="670" t="s">
        <v>528</v>
      </c>
      <c r="L16" s="288">
        <v>0.30555555555555552</v>
      </c>
      <c r="M16" s="285">
        <v>0.40347222222222218</v>
      </c>
      <c r="N16" s="285">
        <v>0.49722222222222218</v>
      </c>
      <c r="O16" s="285">
        <v>0.58055555555555549</v>
      </c>
      <c r="P16" s="285">
        <v>0.66388888888888886</v>
      </c>
      <c r="Q16" s="288">
        <v>0.76458333333333339</v>
      </c>
      <c r="R16" s="289">
        <v>0.80555555555555558</v>
      </c>
    </row>
    <row r="17" spans="1:18" s="668" customFormat="1" ht="15" customHeight="1" x14ac:dyDescent="0.15">
      <c r="A17" s="815"/>
      <c r="B17" s="670" t="s">
        <v>529</v>
      </c>
      <c r="C17" s="284" t="s">
        <v>509</v>
      </c>
      <c r="D17" s="285">
        <v>0.3659722222222222</v>
      </c>
      <c r="E17" s="286">
        <v>0.44930555555555551</v>
      </c>
      <c r="F17" s="285">
        <v>0.54305555555555551</v>
      </c>
      <c r="G17" s="285">
        <v>0.62638888888888888</v>
      </c>
      <c r="H17" s="285">
        <v>0.72013888888888888</v>
      </c>
      <c r="I17" s="667"/>
      <c r="J17" s="814"/>
      <c r="K17" s="670" t="s">
        <v>530</v>
      </c>
      <c r="L17" s="288">
        <v>0.30624999999999997</v>
      </c>
      <c r="M17" s="285">
        <v>0.40416666666666662</v>
      </c>
      <c r="N17" s="285">
        <v>0.49791666666666662</v>
      </c>
      <c r="O17" s="285">
        <v>0.58124999999999993</v>
      </c>
      <c r="P17" s="285">
        <v>0.6645833333333333</v>
      </c>
      <c r="Q17" s="288">
        <v>0.76527777777777783</v>
      </c>
      <c r="R17" s="289">
        <v>0.80625000000000002</v>
      </c>
    </row>
    <row r="18" spans="1:18" s="668" customFormat="1" ht="15" customHeight="1" x14ac:dyDescent="0.15">
      <c r="A18" s="815"/>
      <c r="B18" s="670" t="s">
        <v>531</v>
      </c>
      <c r="C18" s="284" t="s">
        <v>509</v>
      </c>
      <c r="D18" s="285">
        <v>0.36666666666666664</v>
      </c>
      <c r="E18" s="286">
        <v>0.44999999999999996</v>
      </c>
      <c r="F18" s="285">
        <v>0.54374999999999996</v>
      </c>
      <c r="G18" s="285">
        <v>0.62708333333333333</v>
      </c>
      <c r="H18" s="285">
        <v>0.72083333333333333</v>
      </c>
      <c r="I18" s="667"/>
      <c r="J18" s="814"/>
      <c r="K18" s="670" t="s">
        <v>532</v>
      </c>
      <c r="L18" s="288">
        <v>0.30624999999999997</v>
      </c>
      <c r="M18" s="285">
        <v>0.40486111111111106</v>
      </c>
      <c r="N18" s="285">
        <v>0.49861111111111106</v>
      </c>
      <c r="O18" s="285">
        <v>0.58194444444444438</v>
      </c>
      <c r="P18" s="285">
        <v>0.66527777777777775</v>
      </c>
      <c r="Q18" s="288">
        <v>0.76597222222222228</v>
      </c>
      <c r="R18" s="289">
        <v>0.80625000000000002</v>
      </c>
    </row>
    <row r="19" spans="1:18" s="668" customFormat="1" ht="15" customHeight="1" x14ac:dyDescent="0.15">
      <c r="A19" s="815"/>
      <c r="B19" s="670" t="s">
        <v>200</v>
      </c>
      <c r="C19" s="284" t="s">
        <v>509</v>
      </c>
      <c r="D19" s="285">
        <v>0.36736111111111108</v>
      </c>
      <c r="E19" s="286">
        <v>0.4506944444444444</v>
      </c>
      <c r="F19" s="285">
        <v>0.5444444444444444</v>
      </c>
      <c r="G19" s="285">
        <v>0.62777777777777777</v>
      </c>
      <c r="H19" s="285">
        <v>0.72152777777777777</v>
      </c>
      <c r="I19" s="667"/>
      <c r="J19" s="814"/>
      <c r="K19" s="670" t="s">
        <v>533</v>
      </c>
      <c r="L19" s="288">
        <v>0.30763888888888885</v>
      </c>
      <c r="M19" s="285">
        <v>0.40486111111111106</v>
      </c>
      <c r="N19" s="285">
        <v>0.49861111111111106</v>
      </c>
      <c r="O19" s="285">
        <v>0.58194444444444438</v>
      </c>
      <c r="P19" s="285">
        <v>0.66527777777777775</v>
      </c>
      <c r="Q19" s="288">
        <v>0.76736111111111116</v>
      </c>
      <c r="R19" s="289">
        <v>0.80763888888888891</v>
      </c>
    </row>
    <row r="20" spans="1:18" s="668" customFormat="1" ht="15" customHeight="1" x14ac:dyDescent="0.15">
      <c r="A20" s="815"/>
      <c r="B20" s="670" t="s">
        <v>534</v>
      </c>
      <c r="C20" s="284" t="s">
        <v>509</v>
      </c>
      <c r="D20" s="285">
        <v>0.36805555555555552</v>
      </c>
      <c r="E20" s="286">
        <v>0.45138888888888884</v>
      </c>
      <c r="F20" s="285">
        <v>0.54513888888888884</v>
      </c>
      <c r="G20" s="285">
        <v>0.62847222222222221</v>
      </c>
      <c r="H20" s="285">
        <v>0.72222222222222221</v>
      </c>
      <c r="I20" s="667"/>
      <c r="J20" s="814"/>
      <c r="K20" s="670" t="s">
        <v>535</v>
      </c>
      <c r="L20" s="288">
        <v>0.30833333333333329</v>
      </c>
      <c r="M20" s="285">
        <v>0.40694444444444439</v>
      </c>
      <c r="N20" s="285">
        <v>0.50069444444444444</v>
      </c>
      <c r="O20" s="285">
        <v>0.5840277777777777</v>
      </c>
      <c r="P20" s="285">
        <v>0.66736111111111107</v>
      </c>
      <c r="Q20" s="288">
        <v>0.7680555555555556</v>
      </c>
      <c r="R20" s="289">
        <v>0.80833333333333335</v>
      </c>
    </row>
    <row r="21" spans="1:18" s="668" customFormat="1" ht="15" customHeight="1" x14ac:dyDescent="0.15">
      <c r="A21" s="815"/>
      <c r="B21" s="670" t="s">
        <v>536</v>
      </c>
      <c r="C21" s="284" t="s">
        <v>509</v>
      </c>
      <c r="D21" s="285">
        <v>0.36874999999999997</v>
      </c>
      <c r="E21" s="286">
        <v>0.45208333333333328</v>
      </c>
      <c r="F21" s="285">
        <v>0.54583333333333328</v>
      </c>
      <c r="G21" s="285">
        <v>0.62916666666666665</v>
      </c>
      <c r="H21" s="285">
        <v>0.72291666666666665</v>
      </c>
      <c r="I21" s="667"/>
      <c r="J21" s="814"/>
      <c r="K21" s="670" t="s">
        <v>537</v>
      </c>
      <c r="L21" s="288">
        <v>0.30902777777777773</v>
      </c>
      <c r="M21" s="285">
        <v>0.40763888888888883</v>
      </c>
      <c r="N21" s="285">
        <v>0.50138888888888888</v>
      </c>
      <c r="O21" s="285">
        <v>0.58472222222222214</v>
      </c>
      <c r="P21" s="285">
        <v>0.66805555555555551</v>
      </c>
      <c r="Q21" s="288">
        <v>0.76875000000000004</v>
      </c>
      <c r="R21" s="289">
        <v>0.80902777777777779</v>
      </c>
    </row>
    <row r="22" spans="1:18" s="668" customFormat="1" ht="15" customHeight="1" x14ac:dyDescent="0.15">
      <c r="A22" s="815"/>
      <c r="B22" s="670" t="s">
        <v>538</v>
      </c>
      <c r="C22" s="284" t="s">
        <v>509</v>
      </c>
      <c r="D22" s="285">
        <v>0.36944444444444441</v>
      </c>
      <c r="E22" s="286">
        <v>0.45277777777777772</v>
      </c>
      <c r="F22" s="285">
        <v>0.54652777777777772</v>
      </c>
      <c r="G22" s="285">
        <v>0.62986111111111109</v>
      </c>
      <c r="H22" s="285">
        <v>0.72361111111111109</v>
      </c>
      <c r="I22" s="667"/>
      <c r="J22" s="814"/>
      <c r="K22" s="670" t="s">
        <v>539</v>
      </c>
      <c r="L22" s="288">
        <v>0.30972222222222218</v>
      </c>
      <c r="M22" s="285">
        <v>0.40833333333333327</v>
      </c>
      <c r="N22" s="285">
        <v>0.50208333333333333</v>
      </c>
      <c r="O22" s="285">
        <v>0.58541666666666659</v>
      </c>
      <c r="P22" s="285">
        <v>0.66874999999999996</v>
      </c>
      <c r="Q22" s="288">
        <v>0.76944444444444449</v>
      </c>
      <c r="R22" s="289">
        <v>0.80972222222222223</v>
      </c>
    </row>
    <row r="23" spans="1:18" s="668" customFormat="1" ht="15" customHeight="1" x14ac:dyDescent="0.15">
      <c r="A23" s="815"/>
      <c r="B23" s="670" t="s">
        <v>540</v>
      </c>
      <c r="C23" s="284" t="s">
        <v>509</v>
      </c>
      <c r="D23" s="285">
        <v>0.37013888888888885</v>
      </c>
      <c r="E23" s="286">
        <v>0.45347222222222217</v>
      </c>
      <c r="F23" s="285">
        <v>0.54722222222222217</v>
      </c>
      <c r="G23" s="285">
        <v>0.63055555555555554</v>
      </c>
      <c r="H23" s="285">
        <v>0.72430555555555554</v>
      </c>
      <c r="I23" s="667"/>
      <c r="J23" s="814"/>
      <c r="K23" s="670" t="s">
        <v>541</v>
      </c>
      <c r="L23" s="288">
        <v>0.31111111111111106</v>
      </c>
      <c r="M23" s="285">
        <v>0.40972222222222215</v>
      </c>
      <c r="N23" s="285">
        <v>0.50347222222222221</v>
      </c>
      <c r="O23" s="285">
        <v>0.58680555555555547</v>
      </c>
      <c r="P23" s="285">
        <v>0.67013888888888884</v>
      </c>
      <c r="Q23" s="288">
        <v>0.77083333333333337</v>
      </c>
      <c r="R23" s="289">
        <v>0.81111111111111112</v>
      </c>
    </row>
    <row r="24" spans="1:18" s="668" customFormat="1" ht="15" customHeight="1" x14ac:dyDescent="0.15">
      <c r="A24" s="815"/>
      <c r="B24" s="291" t="s">
        <v>542</v>
      </c>
      <c r="C24" s="284" t="s">
        <v>509</v>
      </c>
      <c r="D24" s="285">
        <v>0.37083333333333329</v>
      </c>
      <c r="E24" s="286">
        <v>0.45416666666666661</v>
      </c>
      <c r="F24" s="285">
        <v>0.54791666666666661</v>
      </c>
      <c r="G24" s="285">
        <v>0.63124999999999998</v>
      </c>
      <c r="H24" s="285">
        <v>0.72499999999999998</v>
      </c>
      <c r="I24" s="667"/>
      <c r="J24" s="814"/>
      <c r="K24" s="291" t="s">
        <v>543</v>
      </c>
      <c r="L24" s="288">
        <v>0.3118055555555555</v>
      </c>
      <c r="M24" s="285">
        <v>0.4104166666666666</v>
      </c>
      <c r="N24" s="285">
        <v>0.50416666666666665</v>
      </c>
      <c r="O24" s="285">
        <v>0.58749999999999991</v>
      </c>
      <c r="P24" s="285">
        <v>0.67083333333333328</v>
      </c>
      <c r="Q24" s="288">
        <v>0.77152777777777781</v>
      </c>
      <c r="R24" s="289">
        <v>0.81180555555555556</v>
      </c>
    </row>
    <row r="25" spans="1:18" s="668" customFormat="1" ht="15" customHeight="1" x14ac:dyDescent="0.15">
      <c r="A25" s="815"/>
      <c r="B25" s="670" t="s">
        <v>544</v>
      </c>
      <c r="C25" s="284" t="s">
        <v>509</v>
      </c>
      <c r="D25" s="285">
        <v>0.37152777777777773</v>
      </c>
      <c r="E25" s="286">
        <v>0.45486111111111105</v>
      </c>
      <c r="F25" s="285">
        <v>0.54861111111111105</v>
      </c>
      <c r="G25" s="285">
        <v>0.63194444444444442</v>
      </c>
      <c r="H25" s="285">
        <v>0.72569444444444442</v>
      </c>
      <c r="I25" s="667"/>
      <c r="J25" s="814"/>
      <c r="K25" s="670" t="s">
        <v>545</v>
      </c>
      <c r="L25" s="288">
        <v>0.31249999999999994</v>
      </c>
      <c r="M25" s="285">
        <v>0.41111111111111104</v>
      </c>
      <c r="N25" s="285">
        <v>0.50486111111111109</v>
      </c>
      <c r="O25" s="285">
        <v>0.58819444444444435</v>
      </c>
      <c r="P25" s="285">
        <v>0.67152777777777772</v>
      </c>
      <c r="Q25" s="288">
        <v>0.77222222222222225</v>
      </c>
      <c r="R25" s="289">
        <v>0.81180555555555556</v>
      </c>
    </row>
    <row r="26" spans="1:18" s="668" customFormat="1" ht="15" customHeight="1" x14ac:dyDescent="0.15">
      <c r="A26" s="815"/>
      <c r="B26" s="670" t="s">
        <v>546</v>
      </c>
      <c r="C26" s="284" t="s">
        <v>509</v>
      </c>
      <c r="D26" s="285">
        <v>0.37222222222222218</v>
      </c>
      <c r="E26" s="286">
        <v>0.45555555555555549</v>
      </c>
      <c r="F26" s="285">
        <v>0.54930555555555549</v>
      </c>
      <c r="G26" s="285">
        <v>0.63263888888888886</v>
      </c>
      <c r="H26" s="285">
        <v>0.72638888888888886</v>
      </c>
      <c r="I26" s="667"/>
      <c r="J26" s="814"/>
      <c r="K26" s="291" t="s">
        <v>547</v>
      </c>
      <c r="L26" s="288">
        <v>0.31319444444444439</v>
      </c>
      <c r="M26" s="285">
        <v>0.41180555555555548</v>
      </c>
      <c r="N26" s="285">
        <v>0.50555555555555554</v>
      </c>
      <c r="O26" s="285">
        <v>0.5888888888888888</v>
      </c>
      <c r="P26" s="285">
        <v>0.67222222222222217</v>
      </c>
      <c r="Q26" s="288">
        <v>0.7729166666666667</v>
      </c>
      <c r="R26" s="289">
        <v>0.8125</v>
      </c>
    </row>
    <row r="27" spans="1:18" s="668" customFormat="1" ht="15" customHeight="1" x14ac:dyDescent="0.15">
      <c r="A27" s="815"/>
      <c r="B27" s="670" t="s">
        <v>548</v>
      </c>
      <c r="C27" s="284" t="s">
        <v>509</v>
      </c>
      <c r="D27" s="285">
        <v>0.37361111111111106</v>
      </c>
      <c r="E27" s="286">
        <v>0.45694444444444438</v>
      </c>
      <c r="F27" s="285">
        <v>0.55069444444444438</v>
      </c>
      <c r="G27" s="285">
        <v>0.63402777777777775</v>
      </c>
      <c r="H27" s="285">
        <v>0.72777777777777775</v>
      </c>
      <c r="I27" s="667"/>
      <c r="J27" s="814"/>
      <c r="K27" s="670" t="s">
        <v>549</v>
      </c>
      <c r="L27" s="288">
        <v>0.31388888888888883</v>
      </c>
      <c r="M27" s="285">
        <v>0.41249999999999992</v>
      </c>
      <c r="N27" s="285">
        <v>0.50624999999999998</v>
      </c>
      <c r="O27" s="285">
        <v>0.58958333333333324</v>
      </c>
      <c r="P27" s="285">
        <v>0.67291666666666661</v>
      </c>
      <c r="Q27" s="288">
        <v>0.77361111111111114</v>
      </c>
      <c r="R27" s="289">
        <v>0.81319444444444444</v>
      </c>
    </row>
    <row r="28" spans="1:18" s="668" customFormat="1" ht="15" customHeight="1" x14ac:dyDescent="0.15">
      <c r="A28" s="815"/>
      <c r="B28" s="670" t="s">
        <v>496</v>
      </c>
      <c r="C28" s="284" t="s">
        <v>509</v>
      </c>
      <c r="D28" s="285">
        <v>0.37499999999999994</v>
      </c>
      <c r="E28" s="286">
        <v>0.45833333333333326</v>
      </c>
      <c r="F28" s="285">
        <v>0.55208333333333326</v>
      </c>
      <c r="G28" s="285">
        <v>0.63541666666666663</v>
      </c>
      <c r="H28" s="285">
        <v>0.72916666666666663</v>
      </c>
      <c r="I28" s="667"/>
      <c r="J28" s="814"/>
      <c r="K28" s="670" t="s">
        <v>550</v>
      </c>
      <c r="L28" s="288" t="s">
        <v>21</v>
      </c>
      <c r="M28" s="285">
        <v>0.41319444444444436</v>
      </c>
      <c r="N28" s="285">
        <v>0.50694444444444442</v>
      </c>
      <c r="O28" s="285">
        <v>0.59027777777777768</v>
      </c>
      <c r="P28" s="285">
        <v>0.67361111111111105</v>
      </c>
      <c r="Q28" s="288">
        <v>0.77430555555555558</v>
      </c>
      <c r="R28" s="289">
        <v>0.81319444444444444</v>
      </c>
    </row>
    <row r="29" spans="1:18" s="668" customFormat="1" ht="15" customHeight="1" x14ac:dyDescent="0.15">
      <c r="A29" s="814"/>
      <c r="B29" s="670" t="s">
        <v>551</v>
      </c>
      <c r="C29" s="288">
        <v>0.28472222222222221</v>
      </c>
      <c r="D29" s="285">
        <v>0.37569444444444439</v>
      </c>
      <c r="E29" s="286">
        <v>0.4590277777777777</v>
      </c>
      <c r="F29" s="285">
        <v>0.5527777777777777</v>
      </c>
      <c r="G29" s="285">
        <v>0.63611111111111107</v>
      </c>
      <c r="H29" s="285">
        <v>0.72986111111111107</v>
      </c>
      <c r="I29" s="667"/>
      <c r="J29" s="814"/>
      <c r="K29" s="670" t="s">
        <v>552</v>
      </c>
      <c r="L29" s="288" t="s">
        <v>553</v>
      </c>
      <c r="M29" s="285">
        <v>0.41388888888888881</v>
      </c>
      <c r="N29" s="285">
        <v>0.50763888888888886</v>
      </c>
      <c r="O29" s="285">
        <v>0.59097222222222212</v>
      </c>
      <c r="P29" s="285">
        <v>0.67430555555555549</v>
      </c>
      <c r="Q29" s="288">
        <v>0.77500000000000002</v>
      </c>
      <c r="R29" s="292" t="s">
        <v>554</v>
      </c>
    </row>
    <row r="30" spans="1:18" s="668" customFormat="1" ht="15" customHeight="1" x14ac:dyDescent="0.15">
      <c r="A30" s="814"/>
      <c r="B30" s="670" t="s">
        <v>555</v>
      </c>
      <c r="C30" s="284" t="s">
        <v>556</v>
      </c>
      <c r="D30" s="285">
        <v>0.37638888888888883</v>
      </c>
      <c r="E30" s="286">
        <v>0.45972222222222214</v>
      </c>
      <c r="F30" s="285">
        <v>0.55347222222222214</v>
      </c>
      <c r="G30" s="285">
        <v>0.63680555555555551</v>
      </c>
      <c r="H30" s="285">
        <v>0.73055555555555551</v>
      </c>
      <c r="I30" s="667"/>
      <c r="J30" s="814"/>
      <c r="K30" s="670" t="s">
        <v>555</v>
      </c>
      <c r="L30" s="288" t="s">
        <v>553</v>
      </c>
      <c r="M30" s="285">
        <v>0.41527777777777769</v>
      </c>
      <c r="N30" s="285">
        <v>0.50902777777777775</v>
      </c>
      <c r="O30" s="285">
        <v>0.59236111111111101</v>
      </c>
      <c r="P30" s="285">
        <v>0.67569444444444438</v>
      </c>
      <c r="Q30" s="288">
        <v>0.77638888888888891</v>
      </c>
      <c r="R30" s="292" t="s">
        <v>554</v>
      </c>
    </row>
    <row r="31" spans="1:18" s="668" customFormat="1" ht="15" customHeight="1" x14ac:dyDescent="0.15">
      <c r="A31" s="814"/>
      <c r="B31" s="670" t="s">
        <v>552</v>
      </c>
      <c r="C31" s="284" t="s">
        <v>557</v>
      </c>
      <c r="D31" s="285">
        <v>0.37777777777777771</v>
      </c>
      <c r="E31" s="286">
        <v>0.46111111111111103</v>
      </c>
      <c r="F31" s="285">
        <v>0.55486111111111103</v>
      </c>
      <c r="G31" s="285">
        <v>0.6381944444444444</v>
      </c>
      <c r="H31" s="285">
        <v>0.7319444444444444</v>
      </c>
      <c r="I31" s="667"/>
      <c r="J31" s="814"/>
      <c r="K31" s="670" t="s">
        <v>551</v>
      </c>
      <c r="L31" s="288">
        <v>0.31597222222222215</v>
      </c>
      <c r="M31" s="285">
        <v>0.41597222222222213</v>
      </c>
      <c r="N31" s="285">
        <v>0.50972222222222219</v>
      </c>
      <c r="O31" s="285">
        <v>0.59305555555555545</v>
      </c>
      <c r="P31" s="285">
        <v>0.67638888888888882</v>
      </c>
      <c r="Q31" s="288">
        <v>0.77708333333333335</v>
      </c>
      <c r="R31" s="292" t="s">
        <v>554</v>
      </c>
    </row>
    <row r="32" spans="1:18" s="668" customFormat="1" ht="15" customHeight="1" x14ac:dyDescent="0.15">
      <c r="A32" s="814"/>
      <c r="B32" s="670" t="s">
        <v>550</v>
      </c>
      <c r="C32" s="284" t="s">
        <v>557</v>
      </c>
      <c r="D32" s="285">
        <v>0.37847222222222215</v>
      </c>
      <c r="E32" s="286">
        <v>0.46180555555555547</v>
      </c>
      <c r="F32" s="285">
        <v>0.55555555555555547</v>
      </c>
      <c r="G32" s="285">
        <v>0.63888888888888884</v>
      </c>
      <c r="H32" s="285">
        <v>0.73263888888888884</v>
      </c>
      <c r="I32" s="667"/>
      <c r="J32" s="815"/>
      <c r="K32" s="670" t="s">
        <v>496</v>
      </c>
      <c r="L32" s="288">
        <v>0.3166666666666666</v>
      </c>
      <c r="M32" s="285">
        <v>0.41666666666666657</v>
      </c>
      <c r="N32" s="285">
        <v>0.51041666666666663</v>
      </c>
      <c r="O32" s="285">
        <v>0.59374999999999989</v>
      </c>
      <c r="P32" s="285">
        <v>0.67708333333333326</v>
      </c>
      <c r="Q32" s="288">
        <v>0.77777777777777779</v>
      </c>
      <c r="R32" s="292" t="s">
        <v>554</v>
      </c>
    </row>
    <row r="33" spans="1:18" s="668" customFormat="1" ht="15" customHeight="1" x14ac:dyDescent="0.15">
      <c r="A33" s="814"/>
      <c r="B33" s="670" t="s">
        <v>549</v>
      </c>
      <c r="C33" s="284" t="s">
        <v>557</v>
      </c>
      <c r="D33" s="285">
        <v>0.3791666666666666</v>
      </c>
      <c r="E33" s="286">
        <v>0.46249999999999991</v>
      </c>
      <c r="F33" s="285">
        <v>0.55624999999999991</v>
      </c>
      <c r="G33" s="285">
        <v>0.63958333333333328</v>
      </c>
      <c r="H33" s="285">
        <v>0.73333333333333328</v>
      </c>
      <c r="I33" s="667"/>
      <c r="J33" s="815"/>
      <c r="K33" s="670" t="s">
        <v>548</v>
      </c>
      <c r="L33" s="288">
        <v>0.31805555555555548</v>
      </c>
      <c r="M33" s="285">
        <v>0.41805555555555546</v>
      </c>
      <c r="N33" s="285">
        <v>0.51180555555555551</v>
      </c>
      <c r="O33" s="285">
        <v>0.59513888888888877</v>
      </c>
      <c r="P33" s="285">
        <v>0.67847222222222214</v>
      </c>
      <c r="Q33" s="288">
        <v>0.77916666666666667</v>
      </c>
      <c r="R33" s="292" t="s">
        <v>554</v>
      </c>
    </row>
    <row r="34" spans="1:18" s="668" customFormat="1" ht="15" customHeight="1" x14ac:dyDescent="0.15">
      <c r="A34" s="814"/>
      <c r="B34" s="291" t="s">
        <v>547</v>
      </c>
      <c r="C34" s="284" t="s">
        <v>557</v>
      </c>
      <c r="D34" s="285">
        <v>0.37986111111111104</v>
      </c>
      <c r="E34" s="286">
        <v>0.46319444444444435</v>
      </c>
      <c r="F34" s="285">
        <v>0.55694444444444435</v>
      </c>
      <c r="G34" s="285">
        <v>0.64027777777777772</v>
      </c>
      <c r="H34" s="285">
        <v>0.73402777777777772</v>
      </c>
      <c r="I34" s="667"/>
      <c r="J34" s="815"/>
      <c r="K34" s="670" t="s">
        <v>546</v>
      </c>
      <c r="L34" s="288">
        <v>0.31874999999999992</v>
      </c>
      <c r="M34" s="285">
        <v>0.41944444444444434</v>
      </c>
      <c r="N34" s="285">
        <v>0.5131944444444444</v>
      </c>
      <c r="O34" s="285">
        <v>0.59652777777777766</v>
      </c>
      <c r="P34" s="285">
        <v>0.67986111111111103</v>
      </c>
      <c r="Q34" s="288">
        <v>0.78055555555555556</v>
      </c>
      <c r="R34" s="292" t="s">
        <v>554</v>
      </c>
    </row>
    <row r="35" spans="1:18" s="668" customFormat="1" ht="15" customHeight="1" x14ac:dyDescent="0.15">
      <c r="A35" s="814"/>
      <c r="B35" s="670" t="s">
        <v>545</v>
      </c>
      <c r="C35" s="284" t="s">
        <v>557</v>
      </c>
      <c r="D35" s="285">
        <v>0.38055555555555548</v>
      </c>
      <c r="E35" s="286">
        <v>0.4638888888888888</v>
      </c>
      <c r="F35" s="285">
        <v>0.5576388888888888</v>
      </c>
      <c r="G35" s="285">
        <v>0.64097222222222217</v>
      </c>
      <c r="H35" s="285">
        <v>0.73472222222222217</v>
      </c>
      <c r="I35" s="667"/>
      <c r="J35" s="815"/>
      <c r="K35" s="670" t="s">
        <v>544</v>
      </c>
      <c r="L35" s="288">
        <v>0.31944444444444436</v>
      </c>
      <c r="M35" s="285">
        <v>0.42013888888888878</v>
      </c>
      <c r="N35" s="285">
        <v>0.51388888888888884</v>
      </c>
      <c r="O35" s="285">
        <v>0.5972222222222221</v>
      </c>
      <c r="P35" s="285">
        <v>0.68055555555555547</v>
      </c>
      <c r="Q35" s="288">
        <v>0.78125</v>
      </c>
      <c r="R35" s="292" t="s">
        <v>554</v>
      </c>
    </row>
    <row r="36" spans="1:18" s="668" customFormat="1" ht="15" customHeight="1" x14ac:dyDescent="0.15">
      <c r="A36" s="814"/>
      <c r="B36" s="291" t="s">
        <v>543</v>
      </c>
      <c r="C36" s="284" t="s">
        <v>557</v>
      </c>
      <c r="D36" s="285">
        <v>0.38124999999999992</v>
      </c>
      <c r="E36" s="286">
        <v>0.46458333333333324</v>
      </c>
      <c r="F36" s="285">
        <v>0.55833333333333324</v>
      </c>
      <c r="G36" s="285">
        <v>0.64166666666666661</v>
      </c>
      <c r="H36" s="285">
        <v>0.73541666666666661</v>
      </c>
      <c r="I36" s="667"/>
      <c r="J36" s="815"/>
      <c r="K36" s="291" t="s">
        <v>542</v>
      </c>
      <c r="L36" s="288">
        <v>0.32013888888888881</v>
      </c>
      <c r="M36" s="285">
        <v>0.42083333333333323</v>
      </c>
      <c r="N36" s="285">
        <v>0.51458333333333328</v>
      </c>
      <c r="O36" s="285">
        <v>0.59791666666666654</v>
      </c>
      <c r="P36" s="285">
        <v>0.68124999999999991</v>
      </c>
      <c r="Q36" s="288">
        <v>0.78194444444444444</v>
      </c>
      <c r="R36" s="292" t="s">
        <v>509</v>
      </c>
    </row>
    <row r="37" spans="1:18" s="668" customFormat="1" ht="15" customHeight="1" x14ac:dyDescent="0.15">
      <c r="A37" s="814"/>
      <c r="B37" s="670" t="s">
        <v>541</v>
      </c>
      <c r="C37" s="219">
        <v>0.28680555555555554</v>
      </c>
      <c r="D37" s="285">
        <v>0.38194444444444436</v>
      </c>
      <c r="E37" s="286">
        <v>0.46527777777777768</v>
      </c>
      <c r="F37" s="285">
        <v>0.55902777777777768</v>
      </c>
      <c r="G37" s="285">
        <v>0.64236111111111105</v>
      </c>
      <c r="H37" s="285">
        <v>0.73611111111111105</v>
      </c>
      <c r="I37" s="667"/>
      <c r="J37" s="815"/>
      <c r="K37" s="670" t="s">
        <v>540</v>
      </c>
      <c r="L37" s="288">
        <v>0.32083333333333325</v>
      </c>
      <c r="M37" s="285">
        <v>0.42152777777777767</v>
      </c>
      <c r="N37" s="285">
        <v>0.51527777777777772</v>
      </c>
      <c r="O37" s="285">
        <v>0.59861111111111098</v>
      </c>
      <c r="P37" s="285">
        <v>0.68194444444444435</v>
      </c>
      <c r="Q37" s="288">
        <v>0.78263888888888888</v>
      </c>
      <c r="R37" s="292" t="s">
        <v>509</v>
      </c>
    </row>
    <row r="38" spans="1:18" s="668" customFormat="1" ht="15" customHeight="1" x14ac:dyDescent="0.15">
      <c r="A38" s="814"/>
      <c r="B38" s="670" t="s">
        <v>539</v>
      </c>
      <c r="C38" s="219">
        <v>0.28749999999999998</v>
      </c>
      <c r="D38" s="285">
        <v>0.38333333333333325</v>
      </c>
      <c r="E38" s="286">
        <v>0.46666666666666656</v>
      </c>
      <c r="F38" s="285">
        <v>0.56041666666666656</v>
      </c>
      <c r="G38" s="285">
        <v>0.64374999999999993</v>
      </c>
      <c r="H38" s="285">
        <v>0.73749999999999993</v>
      </c>
      <c r="I38" s="667"/>
      <c r="J38" s="815"/>
      <c r="K38" s="670" t="s">
        <v>538</v>
      </c>
      <c r="L38" s="288">
        <v>0.32083333333333325</v>
      </c>
      <c r="M38" s="285">
        <v>0.42222222222222211</v>
      </c>
      <c r="N38" s="285">
        <v>0.51597222222222217</v>
      </c>
      <c r="O38" s="285">
        <v>0.59930555555555542</v>
      </c>
      <c r="P38" s="285">
        <v>0.6826388888888888</v>
      </c>
      <c r="Q38" s="288">
        <v>0.78333333333333333</v>
      </c>
      <c r="R38" s="292" t="s">
        <v>509</v>
      </c>
    </row>
    <row r="39" spans="1:18" s="668" customFormat="1" ht="15" customHeight="1" x14ac:dyDescent="0.15">
      <c r="A39" s="814"/>
      <c r="B39" s="670" t="s">
        <v>537</v>
      </c>
      <c r="C39" s="219">
        <v>0.28819444444444442</v>
      </c>
      <c r="D39" s="285">
        <v>0.38402777777777769</v>
      </c>
      <c r="E39" s="286">
        <v>0.46736111111111101</v>
      </c>
      <c r="F39" s="285">
        <v>0.56111111111111101</v>
      </c>
      <c r="G39" s="285">
        <v>0.64444444444444438</v>
      </c>
      <c r="H39" s="285">
        <v>0.73819444444444438</v>
      </c>
      <c r="I39" s="667"/>
      <c r="J39" s="815"/>
      <c r="K39" s="670" t="s">
        <v>536</v>
      </c>
      <c r="L39" s="288">
        <v>0.32222222222222213</v>
      </c>
      <c r="M39" s="285">
        <v>0.42291666666666655</v>
      </c>
      <c r="N39" s="285">
        <v>0.51666666666666661</v>
      </c>
      <c r="O39" s="285">
        <v>0.59999999999999987</v>
      </c>
      <c r="P39" s="285">
        <v>0.68333333333333324</v>
      </c>
      <c r="Q39" s="288">
        <v>0.78402777777777777</v>
      </c>
      <c r="R39" s="292" t="s">
        <v>509</v>
      </c>
    </row>
    <row r="40" spans="1:18" s="668" customFormat="1" ht="15" customHeight="1" x14ac:dyDescent="0.15">
      <c r="A40" s="814"/>
      <c r="B40" s="670" t="s">
        <v>535</v>
      </c>
      <c r="C40" s="219">
        <v>0.28888888888888886</v>
      </c>
      <c r="D40" s="285">
        <v>0.38472222222222213</v>
      </c>
      <c r="E40" s="286">
        <v>0.46805555555555545</v>
      </c>
      <c r="F40" s="285">
        <v>0.56180555555555545</v>
      </c>
      <c r="G40" s="285">
        <v>0.64513888888888882</v>
      </c>
      <c r="H40" s="285">
        <v>0.73888888888888882</v>
      </c>
      <c r="I40" s="667"/>
      <c r="J40" s="815"/>
      <c r="K40" s="670" t="s">
        <v>534</v>
      </c>
      <c r="L40" s="288">
        <v>0.32222222222222213</v>
      </c>
      <c r="M40" s="285">
        <v>0.42361111111111099</v>
      </c>
      <c r="N40" s="285">
        <v>0.51736111111111105</v>
      </c>
      <c r="O40" s="285">
        <v>0.60069444444444431</v>
      </c>
      <c r="P40" s="285">
        <v>0.68402777777777768</v>
      </c>
      <c r="Q40" s="288">
        <v>0.78472222222222221</v>
      </c>
      <c r="R40" s="292" t="s">
        <v>509</v>
      </c>
    </row>
    <row r="41" spans="1:18" s="668" customFormat="1" ht="15" customHeight="1" x14ac:dyDescent="0.15">
      <c r="A41" s="814"/>
      <c r="B41" s="670" t="s">
        <v>533</v>
      </c>
      <c r="C41" s="284" t="s">
        <v>558</v>
      </c>
      <c r="D41" s="285">
        <v>0.38541666666666657</v>
      </c>
      <c r="E41" s="286">
        <v>0.46874999999999989</v>
      </c>
      <c r="F41" s="285">
        <v>0.56249999999999989</v>
      </c>
      <c r="G41" s="285">
        <v>0.64583333333333326</v>
      </c>
      <c r="H41" s="285">
        <v>0.73958333333333326</v>
      </c>
      <c r="I41" s="667"/>
      <c r="J41" s="815"/>
      <c r="K41" s="670" t="s">
        <v>200</v>
      </c>
      <c r="L41" s="288">
        <v>0.32291666666666657</v>
      </c>
      <c r="M41" s="285">
        <v>0.42430555555555544</v>
      </c>
      <c r="N41" s="285">
        <v>0.51805555555555549</v>
      </c>
      <c r="O41" s="285">
        <v>0.60138888888888875</v>
      </c>
      <c r="P41" s="285">
        <v>0.68472222222222212</v>
      </c>
      <c r="Q41" s="288">
        <v>0.78541666666666665</v>
      </c>
      <c r="R41" s="292" t="s">
        <v>509</v>
      </c>
    </row>
    <row r="42" spans="1:18" s="668" customFormat="1" ht="15" customHeight="1" x14ac:dyDescent="0.15">
      <c r="A42" s="814"/>
      <c r="B42" s="670" t="s">
        <v>532</v>
      </c>
      <c r="C42" s="284" t="s">
        <v>558</v>
      </c>
      <c r="D42" s="285">
        <v>0.38680555555555546</v>
      </c>
      <c r="E42" s="286">
        <v>0.47013888888888877</v>
      </c>
      <c r="F42" s="285">
        <v>0.56388888888888877</v>
      </c>
      <c r="G42" s="285">
        <v>0.64722222222222214</v>
      </c>
      <c r="H42" s="285">
        <v>0.74097222222222214</v>
      </c>
      <c r="I42" s="667"/>
      <c r="J42" s="815"/>
      <c r="K42" s="670" t="s">
        <v>531</v>
      </c>
      <c r="L42" s="288">
        <v>0.32361111111111102</v>
      </c>
      <c r="M42" s="285">
        <v>0.42499999999999988</v>
      </c>
      <c r="N42" s="285">
        <v>0.51874999999999993</v>
      </c>
      <c r="O42" s="285">
        <v>0.60208333333333319</v>
      </c>
      <c r="P42" s="285">
        <v>0.68541666666666656</v>
      </c>
      <c r="Q42" s="288">
        <v>0.78611111111111109</v>
      </c>
      <c r="R42" s="292" t="s">
        <v>509</v>
      </c>
    </row>
    <row r="43" spans="1:18" s="668" customFormat="1" ht="15" customHeight="1" x14ac:dyDescent="0.15">
      <c r="A43" s="814"/>
      <c r="B43" s="670" t="s">
        <v>530</v>
      </c>
      <c r="C43" s="219">
        <v>0.29166666666666663</v>
      </c>
      <c r="D43" s="285">
        <v>0.3874999999999999</v>
      </c>
      <c r="E43" s="286">
        <v>0.47083333333333321</v>
      </c>
      <c r="F43" s="285">
        <v>0.56458333333333321</v>
      </c>
      <c r="G43" s="285">
        <v>0.64791666666666659</v>
      </c>
      <c r="H43" s="285">
        <v>0.74166666666666659</v>
      </c>
      <c r="I43" s="667"/>
      <c r="J43" s="815"/>
      <c r="K43" s="670" t="s">
        <v>529</v>
      </c>
      <c r="L43" s="288">
        <v>0.32430555555555546</v>
      </c>
      <c r="M43" s="285">
        <v>0.42569444444444432</v>
      </c>
      <c r="N43" s="285">
        <v>0.51944444444444438</v>
      </c>
      <c r="O43" s="285">
        <v>0.60277777777777763</v>
      </c>
      <c r="P43" s="285">
        <v>0.68611111111111101</v>
      </c>
      <c r="Q43" s="288">
        <v>0.78680555555555554</v>
      </c>
      <c r="R43" s="292" t="s">
        <v>509</v>
      </c>
    </row>
    <row r="44" spans="1:18" s="668" customFormat="1" ht="15" customHeight="1" x14ac:dyDescent="0.15">
      <c r="A44" s="814"/>
      <c r="B44" s="670" t="s">
        <v>528</v>
      </c>
      <c r="C44" s="219">
        <v>0.29236111111111107</v>
      </c>
      <c r="D44" s="285">
        <v>0.3874999999999999</v>
      </c>
      <c r="E44" s="286">
        <v>0.47083333333333321</v>
      </c>
      <c r="F44" s="285">
        <v>0.56458333333333321</v>
      </c>
      <c r="G44" s="285">
        <v>0.64791666666666659</v>
      </c>
      <c r="H44" s="285">
        <v>0.74166666666666659</v>
      </c>
      <c r="I44" s="667"/>
      <c r="J44" s="815"/>
      <c r="K44" s="291" t="s">
        <v>527</v>
      </c>
      <c r="L44" s="288">
        <v>0.32430555555555546</v>
      </c>
      <c r="M44" s="285">
        <v>0.42638888888888876</v>
      </c>
      <c r="N44" s="285">
        <v>0.52013888888888882</v>
      </c>
      <c r="O44" s="285">
        <v>0.60347222222222208</v>
      </c>
      <c r="P44" s="285">
        <v>0.68680555555555545</v>
      </c>
      <c r="Q44" s="288">
        <v>0.78749999999999998</v>
      </c>
      <c r="R44" s="292" t="s">
        <v>509</v>
      </c>
    </row>
    <row r="45" spans="1:18" s="668" customFormat="1" ht="15" customHeight="1" x14ac:dyDescent="0.15">
      <c r="A45" s="814"/>
      <c r="B45" s="670" t="s">
        <v>526</v>
      </c>
      <c r="C45" s="284" t="s">
        <v>558</v>
      </c>
      <c r="D45" s="285">
        <v>0.38819444444444434</v>
      </c>
      <c r="E45" s="286">
        <v>0.47152777777777766</v>
      </c>
      <c r="F45" s="285">
        <v>0.56527777777777766</v>
      </c>
      <c r="G45" s="285">
        <v>0.64861111111111103</v>
      </c>
      <c r="H45" s="285">
        <v>0.74236111111111103</v>
      </c>
      <c r="I45" s="667"/>
      <c r="J45" s="815"/>
      <c r="K45" s="670" t="s">
        <v>525</v>
      </c>
      <c r="L45" s="288">
        <v>0.3249999999999999</v>
      </c>
      <c r="M45" s="285">
        <v>0.4270833333333332</v>
      </c>
      <c r="N45" s="285">
        <v>0.52083333333333326</v>
      </c>
      <c r="O45" s="285">
        <v>0.60416666666666652</v>
      </c>
      <c r="P45" s="285">
        <v>0.68749999999999989</v>
      </c>
      <c r="Q45" s="288">
        <v>0.78819444444444442</v>
      </c>
      <c r="R45" s="292" t="s">
        <v>509</v>
      </c>
    </row>
    <row r="46" spans="1:18" s="668" customFormat="1" ht="15" customHeight="1" x14ac:dyDescent="0.15">
      <c r="A46" s="814"/>
      <c r="B46" s="671" t="s">
        <v>524</v>
      </c>
      <c r="C46" s="284" t="s">
        <v>558</v>
      </c>
      <c r="D46" s="285">
        <v>0.38888888888888878</v>
      </c>
      <c r="E46" s="286">
        <v>0.4722222222222221</v>
      </c>
      <c r="F46" s="285">
        <v>0.5659722222222221</v>
      </c>
      <c r="G46" s="285">
        <v>0.64930555555555547</v>
      </c>
      <c r="H46" s="285">
        <v>0.74305555555555547</v>
      </c>
      <c r="I46" s="667"/>
      <c r="J46" s="815"/>
      <c r="K46" s="670" t="s">
        <v>523</v>
      </c>
      <c r="L46" s="288">
        <v>0.32569444444444434</v>
      </c>
      <c r="M46" s="285">
        <v>0.42777777777777765</v>
      </c>
      <c r="N46" s="285">
        <v>0.5215277777777777</v>
      </c>
      <c r="O46" s="285">
        <v>0.60486111111111096</v>
      </c>
      <c r="P46" s="285">
        <v>0.68819444444444433</v>
      </c>
      <c r="Q46" s="288">
        <v>0.78888888888888886</v>
      </c>
      <c r="R46" s="292" t="s">
        <v>509</v>
      </c>
    </row>
    <row r="47" spans="1:18" s="668" customFormat="1" ht="15" customHeight="1" x14ac:dyDescent="0.15">
      <c r="A47" s="814"/>
      <c r="B47" s="290" t="s">
        <v>522</v>
      </c>
      <c r="C47" s="284" t="s">
        <v>558</v>
      </c>
      <c r="D47" s="285">
        <v>0.38958333333333323</v>
      </c>
      <c r="E47" s="286">
        <v>0.47291666666666654</v>
      </c>
      <c r="F47" s="285">
        <v>0.56666666666666654</v>
      </c>
      <c r="G47" s="285">
        <v>0.64999999999999991</v>
      </c>
      <c r="H47" s="285">
        <v>0.74374999999999991</v>
      </c>
      <c r="I47" s="667"/>
      <c r="J47" s="815"/>
      <c r="K47" s="670" t="s">
        <v>156</v>
      </c>
      <c r="L47" s="288">
        <v>0.32638888888888878</v>
      </c>
      <c r="M47" s="285">
        <v>0.42916666666666653</v>
      </c>
      <c r="N47" s="285">
        <v>0.52291666666666659</v>
      </c>
      <c r="O47" s="285">
        <v>0.60624999999999984</v>
      </c>
      <c r="P47" s="285">
        <v>0.68958333333333321</v>
      </c>
      <c r="Q47" s="288">
        <v>0.79027777777777775</v>
      </c>
      <c r="R47" s="292" t="s">
        <v>509</v>
      </c>
    </row>
    <row r="48" spans="1:18" s="668" customFormat="1" ht="15" customHeight="1" x14ac:dyDescent="0.15">
      <c r="A48" s="814"/>
      <c r="B48" s="669" t="s">
        <v>521</v>
      </c>
      <c r="C48" s="284" t="s">
        <v>558</v>
      </c>
      <c r="D48" s="285">
        <v>0.39027777777777767</v>
      </c>
      <c r="E48" s="286">
        <v>0.47361111111111098</v>
      </c>
      <c r="F48" s="285">
        <v>0.56736111111111098</v>
      </c>
      <c r="G48" s="285">
        <v>0.65069444444444435</v>
      </c>
      <c r="H48" s="285">
        <v>0.74444444444444435</v>
      </c>
      <c r="I48" s="667"/>
      <c r="J48" s="815"/>
      <c r="K48" s="291" t="s">
        <v>158</v>
      </c>
      <c r="L48" s="288">
        <v>0.32708333333333323</v>
      </c>
      <c r="M48" s="285">
        <v>0.42986111111111097</v>
      </c>
      <c r="N48" s="285">
        <v>0.52361111111111103</v>
      </c>
      <c r="O48" s="285">
        <v>0.60694444444444429</v>
      </c>
      <c r="P48" s="285">
        <v>0.69027777777777766</v>
      </c>
      <c r="Q48" s="288">
        <v>0.79097222222222219</v>
      </c>
      <c r="R48" s="292" t="s">
        <v>520</v>
      </c>
    </row>
    <row r="49" spans="1:18" s="668" customFormat="1" ht="15" customHeight="1" x14ac:dyDescent="0.15">
      <c r="A49" s="814"/>
      <c r="B49" s="670" t="s">
        <v>519</v>
      </c>
      <c r="C49" s="284" t="s">
        <v>559</v>
      </c>
      <c r="D49" s="285">
        <v>0.39027777777777767</v>
      </c>
      <c r="E49" s="286">
        <v>0.47361111111111098</v>
      </c>
      <c r="F49" s="285">
        <v>0.56736111111111098</v>
      </c>
      <c r="G49" s="285">
        <v>0.65069444444444435</v>
      </c>
      <c r="H49" s="285">
        <v>0.74444444444444435</v>
      </c>
      <c r="I49" s="667"/>
      <c r="J49" s="815"/>
      <c r="K49" s="670" t="s">
        <v>159</v>
      </c>
      <c r="L49" s="288">
        <v>0.32777777777777767</v>
      </c>
      <c r="M49" s="285">
        <v>0.43055555555555541</v>
      </c>
      <c r="N49" s="285">
        <v>0.52430555555555547</v>
      </c>
      <c r="O49" s="285">
        <v>0.60763888888888873</v>
      </c>
      <c r="P49" s="285">
        <v>0.6909722222222221</v>
      </c>
      <c r="Q49" s="288">
        <v>0.79166666666666663</v>
      </c>
      <c r="R49" s="292" t="s">
        <v>520</v>
      </c>
    </row>
    <row r="50" spans="1:18" s="668" customFormat="1" ht="15" customHeight="1" x14ac:dyDescent="0.15">
      <c r="A50" s="814"/>
      <c r="B50" s="673" t="s">
        <v>518</v>
      </c>
      <c r="C50" s="284" t="s">
        <v>559</v>
      </c>
      <c r="D50" s="285">
        <v>0.39097222222222211</v>
      </c>
      <c r="E50" s="286">
        <v>0.47430555555555542</v>
      </c>
      <c r="F50" s="285">
        <v>0.56805555555555542</v>
      </c>
      <c r="G50" s="285">
        <v>0.6513888888888888</v>
      </c>
      <c r="H50" s="285">
        <v>0.7451388888888888</v>
      </c>
      <c r="I50" s="667"/>
      <c r="J50" s="815"/>
      <c r="K50" s="670" t="s">
        <v>161</v>
      </c>
      <c r="L50" s="288">
        <v>0.32847222222222211</v>
      </c>
      <c r="M50" s="285">
        <v>0.43124999999999986</v>
      </c>
      <c r="N50" s="285">
        <v>0.52499999999999991</v>
      </c>
      <c r="O50" s="285">
        <v>0.60833333333333317</v>
      </c>
      <c r="P50" s="285">
        <v>0.69166666666666654</v>
      </c>
      <c r="Q50" s="288">
        <v>0.79236111111111107</v>
      </c>
      <c r="R50" s="292" t="s">
        <v>520</v>
      </c>
    </row>
    <row r="51" spans="1:18" s="668" customFormat="1" ht="15" customHeight="1" x14ac:dyDescent="0.15">
      <c r="A51" s="814"/>
      <c r="B51" s="290" t="s">
        <v>517</v>
      </c>
      <c r="C51" s="284" t="s">
        <v>559</v>
      </c>
      <c r="D51" s="285">
        <v>0.39166666666666655</v>
      </c>
      <c r="E51" s="286">
        <v>0.47499999999999987</v>
      </c>
      <c r="F51" s="285">
        <v>0.56874999999999987</v>
      </c>
      <c r="G51" s="285">
        <v>0.65208333333333324</v>
      </c>
      <c r="H51" s="285">
        <v>0.74583333333333324</v>
      </c>
      <c r="I51" s="667"/>
      <c r="J51" s="815"/>
      <c r="K51" s="670" t="s">
        <v>395</v>
      </c>
      <c r="L51" s="288">
        <v>0.32916666666666655</v>
      </c>
      <c r="M51" s="285">
        <v>0.4319444444444443</v>
      </c>
      <c r="N51" s="285">
        <v>0.52569444444444435</v>
      </c>
      <c r="O51" s="285">
        <v>0.60902777777777761</v>
      </c>
      <c r="P51" s="285">
        <v>0.69236111111111098</v>
      </c>
      <c r="Q51" s="288">
        <v>0.79305555555555551</v>
      </c>
      <c r="R51" s="292" t="s">
        <v>516</v>
      </c>
    </row>
    <row r="52" spans="1:18" s="668" customFormat="1" ht="15" customHeight="1" x14ac:dyDescent="0.15">
      <c r="A52" s="814"/>
      <c r="B52" s="669" t="s">
        <v>515</v>
      </c>
      <c r="C52" s="284" t="s">
        <v>560</v>
      </c>
      <c r="D52" s="285">
        <v>0.39236111111111099</v>
      </c>
      <c r="E52" s="286">
        <v>0.47569444444444431</v>
      </c>
      <c r="F52" s="285">
        <v>0.56944444444444431</v>
      </c>
      <c r="G52" s="285">
        <v>0.65277777777777768</v>
      </c>
      <c r="H52" s="285">
        <v>0.74652777777777768</v>
      </c>
      <c r="I52" s="667"/>
      <c r="J52" s="815"/>
      <c r="K52" s="670" t="s">
        <v>514</v>
      </c>
      <c r="L52" s="288">
        <v>0.32986111111111099</v>
      </c>
      <c r="M52" s="285">
        <v>0.43263888888888874</v>
      </c>
      <c r="N52" s="285">
        <v>0.5263888888888888</v>
      </c>
      <c r="O52" s="285">
        <v>0.60972222222222205</v>
      </c>
      <c r="P52" s="285">
        <v>0.69305555555555542</v>
      </c>
      <c r="Q52" s="288">
        <v>0.79374999999999996</v>
      </c>
      <c r="R52" s="292" t="s">
        <v>516</v>
      </c>
    </row>
    <row r="53" spans="1:18" s="668" customFormat="1" ht="15" customHeight="1" x14ac:dyDescent="0.15">
      <c r="A53" s="814"/>
      <c r="B53" s="670" t="s">
        <v>513</v>
      </c>
      <c r="C53" s="219">
        <v>0.29652777777777772</v>
      </c>
      <c r="D53" s="285">
        <v>0.39305555555555544</v>
      </c>
      <c r="E53" s="286">
        <v>0.47638888888888875</v>
      </c>
      <c r="F53" s="285">
        <v>0.57013888888888875</v>
      </c>
      <c r="G53" s="285">
        <v>0.65347222222222212</v>
      </c>
      <c r="H53" s="285">
        <v>0.74722222222222212</v>
      </c>
      <c r="I53" s="667"/>
      <c r="J53" s="815"/>
      <c r="K53" s="670" t="s">
        <v>512</v>
      </c>
      <c r="L53" s="288">
        <v>0.33055555555555544</v>
      </c>
      <c r="M53" s="285">
        <v>0.43402777777777762</v>
      </c>
      <c r="N53" s="285">
        <v>0.52777777777777768</v>
      </c>
      <c r="O53" s="285">
        <v>0.61111111111111094</v>
      </c>
      <c r="P53" s="285">
        <v>0.69444444444444431</v>
      </c>
      <c r="Q53" s="288">
        <v>0.79513888888888884</v>
      </c>
      <c r="R53" s="292" t="s">
        <v>516</v>
      </c>
    </row>
    <row r="54" spans="1:18" s="668" customFormat="1" ht="15" customHeight="1" x14ac:dyDescent="0.15">
      <c r="A54" s="814"/>
      <c r="B54" s="670" t="s">
        <v>511</v>
      </c>
      <c r="C54" s="284" t="s">
        <v>560</v>
      </c>
      <c r="D54" s="285">
        <v>0.39374999999999988</v>
      </c>
      <c r="E54" s="286">
        <v>0.47708333333333319</v>
      </c>
      <c r="F54" s="285">
        <v>0.57083333333333319</v>
      </c>
      <c r="G54" s="285">
        <v>0.65416666666666656</v>
      </c>
      <c r="H54" s="285">
        <v>0.74791666666666656</v>
      </c>
      <c r="I54" s="667"/>
      <c r="J54" s="815"/>
      <c r="K54" s="670" t="s">
        <v>510</v>
      </c>
      <c r="L54" s="288">
        <v>0.33124999999999988</v>
      </c>
      <c r="M54" s="285">
        <v>0.43472222222222207</v>
      </c>
      <c r="N54" s="285">
        <v>0.52847222222222212</v>
      </c>
      <c r="O54" s="285">
        <v>0.61180555555555538</v>
      </c>
      <c r="P54" s="285">
        <v>0.69513888888888875</v>
      </c>
      <c r="Q54" s="288">
        <v>0.79583333333333328</v>
      </c>
      <c r="R54" s="292" t="s">
        <v>516</v>
      </c>
    </row>
    <row r="55" spans="1:18" s="668" customFormat="1" ht="15" customHeight="1" x14ac:dyDescent="0.15">
      <c r="A55" s="815"/>
      <c r="B55" s="671" t="s">
        <v>152</v>
      </c>
      <c r="C55" s="284" t="s">
        <v>560</v>
      </c>
      <c r="D55" s="285">
        <v>0.39513888888888876</v>
      </c>
      <c r="E55" s="286">
        <v>0.47847222222222208</v>
      </c>
      <c r="F55" s="285">
        <v>0.57222222222222208</v>
      </c>
      <c r="G55" s="285">
        <v>0.65555555555555545</v>
      </c>
      <c r="H55" s="285">
        <v>0.74930555555555545</v>
      </c>
      <c r="I55" s="667"/>
      <c r="J55" s="815"/>
      <c r="K55" s="671" t="s">
        <v>102</v>
      </c>
      <c r="L55" s="288">
        <v>0.33194444444444432</v>
      </c>
      <c r="M55" s="285">
        <v>0.43541666666666651</v>
      </c>
      <c r="N55" s="285">
        <v>0.52916666666666656</v>
      </c>
      <c r="O55" s="285">
        <v>0.61249999999999982</v>
      </c>
      <c r="P55" s="285">
        <v>0.69583333333333319</v>
      </c>
      <c r="Q55" s="288">
        <v>0.79652777777777772</v>
      </c>
      <c r="R55" s="292" t="s">
        <v>516</v>
      </c>
    </row>
    <row r="56" spans="1:18" s="668" customFormat="1" ht="15" customHeight="1" x14ac:dyDescent="0.15">
      <c r="A56" s="816"/>
      <c r="B56" s="283" t="s">
        <v>100</v>
      </c>
      <c r="C56" s="219">
        <v>0.29861111111111105</v>
      </c>
      <c r="D56" s="285">
        <v>0.3958333333333332</v>
      </c>
      <c r="E56" s="286">
        <v>0.47916666666666652</v>
      </c>
      <c r="F56" s="285">
        <v>0.57291666666666652</v>
      </c>
      <c r="G56" s="285">
        <v>0.65624999999999989</v>
      </c>
      <c r="H56" s="285">
        <v>0.74999999999999989</v>
      </c>
      <c r="I56" s="667"/>
      <c r="J56" s="816"/>
      <c r="K56" s="291" t="s">
        <v>100</v>
      </c>
      <c r="L56" s="288">
        <v>0.3333333333333332</v>
      </c>
      <c r="M56" s="285">
        <v>0.43749999999999983</v>
      </c>
      <c r="N56" s="285">
        <v>0.53124999999999989</v>
      </c>
      <c r="O56" s="285">
        <v>0.61458333333333315</v>
      </c>
      <c r="P56" s="285">
        <v>0.69791666666666652</v>
      </c>
      <c r="Q56" s="288">
        <v>0.79861111111111105</v>
      </c>
      <c r="R56" s="292" t="s">
        <v>516</v>
      </c>
    </row>
    <row r="57" spans="1:18" ht="15" customHeight="1" x14ac:dyDescent="0.15">
      <c r="A57" s="187"/>
      <c r="B57" s="187"/>
      <c r="C57" s="187"/>
      <c r="D57" s="187"/>
      <c r="E57" s="187"/>
      <c r="F57" s="187"/>
      <c r="G57" s="187"/>
      <c r="H57" s="187"/>
      <c r="I57" s="187"/>
      <c r="J57" s="187"/>
      <c r="K57" s="187"/>
      <c r="L57" s="187"/>
      <c r="M57" s="187"/>
      <c r="N57" s="187"/>
      <c r="O57" s="187"/>
      <c r="P57" s="187"/>
      <c r="Q57" s="187"/>
      <c r="R57" s="187"/>
    </row>
    <row r="58" spans="1:18" ht="15" customHeight="1" x14ac:dyDescent="0.15">
      <c r="A58" s="187"/>
      <c r="B58" s="187"/>
      <c r="C58" s="187"/>
      <c r="D58" s="187"/>
      <c r="E58" s="187"/>
      <c r="F58" s="187"/>
      <c r="G58" s="187"/>
      <c r="H58" s="187"/>
      <c r="I58" s="187"/>
      <c r="J58" s="187"/>
      <c r="K58" s="187"/>
      <c r="L58" s="187"/>
      <c r="M58" s="187"/>
      <c r="N58" s="187"/>
      <c r="O58" s="187"/>
      <c r="P58" s="187"/>
      <c r="Q58" s="187"/>
      <c r="R58" s="187"/>
    </row>
    <row r="59" spans="1:18" ht="15" customHeight="1" x14ac:dyDescent="0.15">
      <c r="A59" s="187"/>
      <c r="B59" s="187"/>
      <c r="C59" s="187"/>
      <c r="D59" s="187"/>
      <c r="E59" s="187"/>
      <c r="F59" s="187"/>
      <c r="G59" s="187"/>
      <c r="H59" s="187"/>
      <c r="I59" s="187"/>
      <c r="J59" s="293"/>
      <c r="K59" s="187"/>
      <c r="L59" s="187"/>
      <c r="M59" s="187"/>
      <c r="N59" s="187"/>
      <c r="O59" s="187"/>
      <c r="P59" s="187"/>
      <c r="Q59" s="187"/>
      <c r="R59" s="187"/>
    </row>
    <row r="60" spans="1:18" ht="15" customHeight="1" x14ac:dyDescent="0.15">
      <c r="A60" s="187"/>
      <c r="B60" s="187"/>
      <c r="C60" s="187"/>
      <c r="D60" s="187"/>
      <c r="E60" s="187"/>
      <c r="F60" s="187"/>
      <c r="G60" s="187"/>
      <c r="H60" s="187"/>
      <c r="I60" s="187"/>
      <c r="J60" s="187"/>
      <c r="K60" s="187"/>
      <c r="L60" s="187"/>
      <c r="M60" s="187"/>
      <c r="N60" s="187"/>
      <c r="O60" s="187"/>
      <c r="P60" s="187"/>
      <c r="Q60" s="187"/>
      <c r="R60" s="187"/>
    </row>
  </sheetData>
  <mergeCells count="3">
    <mergeCell ref="B1:R1"/>
    <mergeCell ref="A3:A56"/>
    <mergeCell ref="J3:J56"/>
  </mergeCells>
  <phoneticPr fontId="3"/>
  <printOptions horizontalCentered="1" verticalCentered="1"/>
  <pageMargins left="0.39370078740157483" right="0.39370078740157483" top="0" bottom="0" header="0.51181102362204722" footer="0.51181102362204722"/>
  <pageSetup paperSize="9" scale="64" orientation="landscape" horizontalDpi="300" verticalDpi="300" r:id="rId1"/>
  <headerFooter alignWithMargins="0">
    <oddFooter xml:space="preserve">&amp;C&amp;16 </oddFooter>
  </headerFooter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6"/>
  <sheetViews>
    <sheetView view="pageBreakPreview" zoomScale="70" zoomScaleNormal="100" zoomScaleSheetLayoutView="70" workbookViewId="0">
      <selection activeCell="G4" sqref="G4"/>
    </sheetView>
  </sheetViews>
  <sheetFormatPr defaultRowHeight="13.5" x14ac:dyDescent="0.15"/>
  <cols>
    <col min="1" max="1" width="9" style="298"/>
    <col min="2" max="2" width="30.625" style="298" customWidth="1"/>
    <col min="3" max="15" width="11.625" style="298" customWidth="1"/>
    <col min="16" max="16384" width="9" style="298"/>
  </cols>
  <sheetData>
    <row r="1" spans="1:16" ht="24.95" customHeight="1" x14ac:dyDescent="0.15">
      <c r="A1" s="294"/>
      <c r="B1" s="817" t="s">
        <v>561</v>
      </c>
      <c r="C1" s="818"/>
      <c r="D1" s="818"/>
      <c r="E1" s="818"/>
      <c r="F1" s="818"/>
      <c r="G1" s="818"/>
      <c r="H1" s="818"/>
      <c r="I1" s="818"/>
      <c r="J1" s="818"/>
      <c r="K1" s="818"/>
      <c r="L1" s="818"/>
      <c r="M1" s="818"/>
      <c r="N1" s="819"/>
      <c r="O1" s="819"/>
      <c r="P1" s="295"/>
    </row>
    <row r="2" spans="1:16" x14ac:dyDescent="0.15">
      <c r="A2" s="296"/>
      <c r="B2" s="296"/>
      <c r="C2" s="297"/>
      <c r="D2" s="297"/>
      <c r="N2" s="674"/>
    </row>
    <row r="3" spans="1:16" ht="20.100000000000001" customHeight="1" x14ac:dyDescent="0.15">
      <c r="A3" s="820" t="s">
        <v>562</v>
      </c>
      <c r="B3" s="675" t="s">
        <v>178</v>
      </c>
      <c r="C3" s="676" t="s">
        <v>179</v>
      </c>
      <c r="D3" s="49" t="s">
        <v>3</v>
      </c>
      <c r="E3" s="49" t="s">
        <v>181</v>
      </c>
      <c r="F3" s="676" t="s">
        <v>182</v>
      </c>
      <c r="G3" s="676" t="s">
        <v>183</v>
      </c>
      <c r="H3" s="676" t="s">
        <v>184</v>
      </c>
      <c r="I3" s="45" t="s">
        <v>185</v>
      </c>
      <c r="J3" s="676" t="s">
        <v>61</v>
      </c>
      <c r="K3" s="45" t="s">
        <v>186</v>
      </c>
      <c r="L3" s="676" t="s">
        <v>187</v>
      </c>
      <c r="M3" s="45" t="s">
        <v>188</v>
      </c>
      <c r="N3" s="677"/>
    </row>
    <row r="4" spans="1:16" ht="20.100000000000001" customHeight="1" x14ac:dyDescent="0.15">
      <c r="A4" s="820"/>
      <c r="B4" s="450" t="s">
        <v>209</v>
      </c>
      <c r="C4" s="300">
        <v>0.35416666666666702</v>
      </c>
      <c r="D4" s="300">
        <v>0.39583333333333298</v>
      </c>
      <c r="E4" s="300">
        <v>0.4375</v>
      </c>
      <c r="F4" s="300">
        <v>0.47916666666666702</v>
      </c>
      <c r="G4" s="300">
        <v>0.52083333333333304</v>
      </c>
      <c r="H4" s="300">
        <v>0.5625</v>
      </c>
      <c r="I4" s="301">
        <v>0.60416666666666696</v>
      </c>
      <c r="J4" s="300">
        <v>0.64583333333333304</v>
      </c>
      <c r="K4" s="301">
        <v>0.6875</v>
      </c>
      <c r="L4" s="300">
        <v>0.72916666666666696</v>
      </c>
      <c r="M4" s="301">
        <v>0.79166666666666663</v>
      </c>
      <c r="N4" s="302"/>
    </row>
    <row r="5" spans="1:16" ht="20.100000000000001" customHeight="1" x14ac:dyDescent="0.15">
      <c r="A5" s="820"/>
      <c r="B5" s="450" t="s">
        <v>152</v>
      </c>
      <c r="C5" s="300">
        <v>0.35486111111111102</v>
      </c>
      <c r="D5" s="300">
        <v>0.39652777777777798</v>
      </c>
      <c r="E5" s="300">
        <v>0.438194444444444</v>
      </c>
      <c r="F5" s="300">
        <v>0.47986111111111102</v>
      </c>
      <c r="G5" s="300">
        <v>0.52152777777777803</v>
      </c>
      <c r="H5" s="300">
        <v>0.563194444444444</v>
      </c>
      <c r="I5" s="301">
        <v>0.60486111111111096</v>
      </c>
      <c r="J5" s="300">
        <v>0.64652777777777803</v>
      </c>
      <c r="K5" s="301">
        <v>0.688194444444444</v>
      </c>
      <c r="L5" s="300">
        <v>0.72986111111111096</v>
      </c>
      <c r="M5" s="301">
        <v>0.79236111111111107</v>
      </c>
      <c r="N5" s="303"/>
    </row>
    <row r="6" spans="1:16" ht="20.100000000000001" customHeight="1" x14ac:dyDescent="0.15">
      <c r="A6" s="820"/>
      <c r="B6" s="450" t="s">
        <v>563</v>
      </c>
      <c r="C6" s="300">
        <v>0.35555555555555601</v>
      </c>
      <c r="D6" s="300">
        <v>0.39722222222222198</v>
      </c>
      <c r="E6" s="300">
        <v>0.43888888888888899</v>
      </c>
      <c r="F6" s="300">
        <v>0.48055555555555601</v>
      </c>
      <c r="G6" s="300">
        <v>0.52222222222222203</v>
      </c>
      <c r="H6" s="300">
        <v>0.56388888888888899</v>
      </c>
      <c r="I6" s="301">
        <v>0.60555555555555596</v>
      </c>
      <c r="J6" s="300">
        <v>0.64722222222222203</v>
      </c>
      <c r="K6" s="301">
        <v>0.68888888888888899</v>
      </c>
      <c r="L6" s="300">
        <v>0.73055555555555596</v>
      </c>
      <c r="M6" s="301">
        <v>0.79305555555555562</v>
      </c>
      <c r="N6" s="303"/>
    </row>
    <row r="7" spans="1:16" ht="20.100000000000001" customHeight="1" x14ac:dyDescent="0.15">
      <c r="A7" s="820"/>
      <c r="B7" s="450" t="s">
        <v>564</v>
      </c>
      <c r="C7" s="300">
        <v>0.35555555555555601</v>
      </c>
      <c r="D7" s="300">
        <v>0.39722222222222198</v>
      </c>
      <c r="E7" s="300">
        <v>0.43888888888888899</v>
      </c>
      <c r="F7" s="300">
        <v>0.48055555555555601</v>
      </c>
      <c r="G7" s="300">
        <v>0.52222222222222203</v>
      </c>
      <c r="H7" s="300">
        <v>0.56388888888888899</v>
      </c>
      <c r="I7" s="301">
        <v>0.60555555555555596</v>
      </c>
      <c r="J7" s="300">
        <v>0.64722222222222203</v>
      </c>
      <c r="K7" s="301">
        <v>0.68888888888888899</v>
      </c>
      <c r="L7" s="300">
        <v>0.73055555555555596</v>
      </c>
      <c r="M7" s="301">
        <v>0.79305555555555562</v>
      </c>
      <c r="N7" s="303"/>
    </row>
    <row r="8" spans="1:16" ht="20.100000000000001" customHeight="1" x14ac:dyDescent="0.15">
      <c r="A8" s="820"/>
      <c r="B8" s="450" t="s">
        <v>565</v>
      </c>
      <c r="C8" s="300">
        <v>0.35625000000000001</v>
      </c>
      <c r="D8" s="300">
        <v>0.39791666666666697</v>
      </c>
      <c r="E8" s="300">
        <v>0.43958333333333299</v>
      </c>
      <c r="F8" s="300">
        <v>0.48125000000000001</v>
      </c>
      <c r="G8" s="300">
        <v>0.52291666666666703</v>
      </c>
      <c r="H8" s="300">
        <v>0.56458333333333299</v>
      </c>
      <c r="I8" s="301">
        <v>0.60624999999999996</v>
      </c>
      <c r="J8" s="300">
        <v>0.64791666666666703</v>
      </c>
      <c r="K8" s="301">
        <v>0.68958333333333299</v>
      </c>
      <c r="L8" s="300">
        <v>0.73124999999999996</v>
      </c>
      <c r="M8" s="301">
        <v>0.79375000000000007</v>
      </c>
      <c r="N8" s="303"/>
    </row>
    <row r="9" spans="1:16" ht="19.5" customHeight="1" x14ac:dyDescent="0.15">
      <c r="A9" s="820"/>
      <c r="B9" s="450" t="s">
        <v>566</v>
      </c>
      <c r="C9" s="300">
        <v>0.35694444444444401</v>
      </c>
      <c r="D9" s="300">
        <v>0.39861111111111103</v>
      </c>
      <c r="E9" s="300">
        <v>0.44027777777777799</v>
      </c>
      <c r="F9" s="300">
        <v>0.48194444444444401</v>
      </c>
      <c r="G9" s="300">
        <v>0.52361111111111103</v>
      </c>
      <c r="H9" s="300">
        <v>0.56527777777777799</v>
      </c>
      <c r="I9" s="301">
        <v>0.60694444444444495</v>
      </c>
      <c r="J9" s="300">
        <v>0.64861111111111103</v>
      </c>
      <c r="K9" s="301">
        <v>0.69027777777777799</v>
      </c>
      <c r="L9" s="300">
        <v>0.73194444444444495</v>
      </c>
      <c r="M9" s="301">
        <v>0.7944444444444444</v>
      </c>
      <c r="N9" s="303"/>
    </row>
    <row r="10" spans="1:16" ht="19.5" customHeight="1" x14ac:dyDescent="0.15">
      <c r="A10" s="820"/>
      <c r="B10" s="450" t="s">
        <v>567</v>
      </c>
      <c r="C10" s="300">
        <v>0.3576388888888889</v>
      </c>
      <c r="D10" s="300">
        <v>0.39930555555555558</v>
      </c>
      <c r="E10" s="300">
        <v>0.44097222222222199</v>
      </c>
      <c r="F10" s="300">
        <v>0.48263888888888901</v>
      </c>
      <c r="G10" s="300">
        <v>0.52430555555555602</v>
      </c>
      <c r="H10" s="300">
        <v>0.56597222222222199</v>
      </c>
      <c r="I10" s="301">
        <v>0.60763888888888895</v>
      </c>
      <c r="J10" s="300">
        <v>0.64930555555555602</v>
      </c>
      <c r="K10" s="301">
        <v>0.69097222222222199</v>
      </c>
      <c r="L10" s="300">
        <v>0.73263888888888895</v>
      </c>
      <c r="M10" s="301">
        <v>0.79513888888888884</v>
      </c>
      <c r="N10" s="303"/>
    </row>
    <row r="11" spans="1:16" ht="20.100000000000001" customHeight="1" x14ac:dyDescent="0.15">
      <c r="A11" s="820"/>
      <c r="B11" s="450" t="s">
        <v>531</v>
      </c>
      <c r="C11" s="300">
        <v>0.359027777777778</v>
      </c>
      <c r="D11" s="300">
        <v>0.40069444444444402</v>
      </c>
      <c r="E11" s="300">
        <v>0.44236111111111098</v>
      </c>
      <c r="F11" s="300">
        <v>0.484027777777778</v>
      </c>
      <c r="G11" s="300">
        <v>0.52569444444444402</v>
      </c>
      <c r="H11" s="300">
        <v>0.56736111111111098</v>
      </c>
      <c r="I11" s="301">
        <v>0.60902777777777795</v>
      </c>
      <c r="J11" s="300">
        <v>0.65069444444444402</v>
      </c>
      <c r="K11" s="301">
        <v>0.69236111111111098</v>
      </c>
      <c r="L11" s="300">
        <v>0.73402777777777795</v>
      </c>
      <c r="M11" s="301">
        <v>0.79652777777777783</v>
      </c>
      <c r="N11" s="303"/>
    </row>
    <row r="12" spans="1:16" ht="20.100000000000001" customHeight="1" x14ac:dyDescent="0.15">
      <c r="A12" s="820"/>
      <c r="B12" s="450" t="s">
        <v>200</v>
      </c>
      <c r="C12" s="300">
        <v>0.360416666666667</v>
      </c>
      <c r="D12" s="300">
        <v>0.40208333333333302</v>
      </c>
      <c r="E12" s="300">
        <v>0.44374999999999998</v>
      </c>
      <c r="F12" s="300">
        <v>0.485416666666667</v>
      </c>
      <c r="G12" s="300">
        <v>0.52708333333333302</v>
      </c>
      <c r="H12" s="300">
        <v>0.56874999999999998</v>
      </c>
      <c r="I12" s="301">
        <v>0.61041666666666705</v>
      </c>
      <c r="J12" s="300">
        <v>0.65208333333333302</v>
      </c>
      <c r="K12" s="301">
        <v>0.69374999999999998</v>
      </c>
      <c r="L12" s="300">
        <v>0.73541666666666705</v>
      </c>
      <c r="M12" s="301">
        <v>0.79791666666666661</v>
      </c>
      <c r="N12" s="302"/>
    </row>
    <row r="13" spans="1:16" ht="20.100000000000001" customHeight="1" x14ac:dyDescent="0.15">
      <c r="A13" s="820"/>
      <c r="B13" s="450" t="s">
        <v>568</v>
      </c>
      <c r="C13" s="300">
        <v>0.36111111111111099</v>
      </c>
      <c r="D13" s="300">
        <v>0.40277777777777801</v>
      </c>
      <c r="E13" s="300">
        <v>0.44444444444444398</v>
      </c>
      <c r="F13" s="300">
        <v>0.48611111111111099</v>
      </c>
      <c r="G13" s="300">
        <v>0.52777777777777801</v>
      </c>
      <c r="H13" s="300">
        <v>0.56944444444444398</v>
      </c>
      <c r="I13" s="301">
        <v>0.61111111111111105</v>
      </c>
      <c r="J13" s="300">
        <v>0.65277777777777801</v>
      </c>
      <c r="K13" s="301">
        <v>0.69444444444444398</v>
      </c>
      <c r="L13" s="300">
        <v>0.73611111111111105</v>
      </c>
      <c r="M13" s="301">
        <v>0.79861111111111116</v>
      </c>
      <c r="N13" s="303"/>
    </row>
    <row r="14" spans="1:16" ht="20.100000000000001" customHeight="1" x14ac:dyDescent="0.15">
      <c r="A14" s="820"/>
      <c r="B14" s="450" t="s">
        <v>569</v>
      </c>
      <c r="C14" s="300">
        <v>0.36180555555555599</v>
      </c>
      <c r="D14" s="300">
        <v>0.40347222222222201</v>
      </c>
      <c r="E14" s="300">
        <v>0.44513888888888897</v>
      </c>
      <c r="F14" s="300">
        <v>0.48680555555555599</v>
      </c>
      <c r="G14" s="300">
        <v>0.52847222222222201</v>
      </c>
      <c r="H14" s="300">
        <v>0.57013888888888897</v>
      </c>
      <c r="I14" s="301">
        <v>0.61180555555555605</v>
      </c>
      <c r="J14" s="300">
        <v>0.65347222222222201</v>
      </c>
      <c r="K14" s="301">
        <v>0.69513888888888897</v>
      </c>
      <c r="L14" s="300">
        <v>0.73680555555555605</v>
      </c>
      <c r="M14" s="301">
        <v>0.7993055555555556</v>
      </c>
      <c r="N14" s="303"/>
    </row>
    <row r="15" spans="1:16" ht="20.100000000000001" customHeight="1" x14ac:dyDescent="0.15">
      <c r="A15" s="820"/>
      <c r="B15" s="450" t="s">
        <v>570</v>
      </c>
      <c r="C15" s="300">
        <v>0.36249999999999999</v>
      </c>
      <c r="D15" s="300">
        <v>0.40416666666666701</v>
      </c>
      <c r="E15" s="300">
        <v>0.44583333333333303</v>
      </c>
      <c r="F15" s="300">
        <v>0.48749999999999999</v>
      </c>
      <c r="G15" s="300">
        <v>0.52916666666666701</v>
      </c>
      <c r="H15" s="300">
        <v>0.57083333333333297</v>
      </c>
      <c r="I15" s="301">
        <v>0.61250000000000004</v>
      </c>
      <c r="J15" s="300">
        <v>0.65416666666666701</v>
      </c>
      <c r="K15" s="301">
        <v>0.69583333333333297</v>
      </c>
      <c r="L15" s="300">
        <v>0.73750000000000004</v>
      </c>
      <c r="M15" s="301">
        <v>0.79999999999999993</v>
      </c>
      <c r="N15" s="303"/>
    </row>
    <row r="16" spans="1:16" ht="20.100000000000001" customHeight="1" x14ac:dyDescent="0.15">
      <c r="A16" s="820"/>
      <c r="B16" s="450" t="s">
        <v>571</v>
      </c>
      <c r="C16" s="300">
        <v>0.36319444444444399</v>
      </c>
      <c r="D16" s="300">
        <v>0.40486111111111101</v>
      </c>
      <c r="E16" s="300">
        <v>0.44652777777777802</v>
      </c>
      <c r="F16" s="300">
        <v>0.48819444444444399</v>
      </c>
      <c r="G16" s="300">
        <v>0.52986111111111101</v>
      </c>
      <c r="H16" s="300">
        <v>0.57152777777777797</v>
      </c>
      <c r="I16" s="301">
        <v>0.61319444444444404</v>
      </c>
      <c r="J16" s="300">
        <v>0.65486111111111101</v>
      </c>
      <c r="K16" s="301">
        <v>0.69652777777777797</v>
      </c>
      <c r="L16" s="300">
        <v>0.73819444444444404</v>
      </c>
      <c r="M16" s="301">
        <v>0.80069444444444438</v>
      </c>
      <c r="N16" s="303"/>
    </row>
    <row r="17" spans="1:16" ht="20.100000000000001" customHeight="1" x14ac:dyDescent="0.15">
      <c r="A17" s="820"/>
      <c r="B17" s="450" t="s">
        <v>488</v>
      </c>
      <c r="C17" s="300">
        <v>0.36388888888888898</v>
      </c>
      <c r="D17" s="300">
        <v>0.405555555555556</v>
      </c>
      <c r="E17" s="300">
        <v>0.44722222222222202</v>
      </c>
      <c r="F17" s="300">
        <v>0.48888888888888898</v>
      </c>
      <c r="G17" s="300">
        <v>0.530555555555556</v>
      </c>
      <c r="H17" s="300">
        <v>0.57222222222222197</v>
      </c>
      <c r="I17" s="301">
        <v>0.61388888888888904</v>
      </c>
      <c r="J17" s="300">
        <v>0.655555555555556</v>
      </c>
      <c r="K17" s="301">
        <v>0.69722222222222197</v>
      </c>
      <c r="L17" s="300">
        <v>0.73888888888888904</v>
      </c>
      <c r="M17" s="301">
        <v>0.80138888888888893</v>
      </c>
      <c r="N17" s="303"/>
    </row>
    <row r="18" spans="1:16" ht="20.100000000000001" customHeight="1" x14ac:dyDescent="0.15">
      <c r="A18" s="820"/>
      <c r="B18" s="450" t="s">
        <v>572</v>
      </c>
      <c r="C18" s="300">
        <v>0.36458333333333298</v>
      </c>
      <c r="D18" s="300">
        <v>0.40625</v>
      </c>
      <c r="E18" s="300">
        <v>0.44791666666666702</v>
      </c>
      <c r="F18" s="300">
        <v>0.48958333333333298</v>
      </c>
      <c r="G18" s="300">
        <v>0.53125</v>
      </c>
      <c r="H18" s="300">
        <v>0.57291666666666696</v>
      </c>
      <c r="I18" s="301">
        <v>0.61458333333333304</v>
      </c>
      <c r="J18" s="300">
        <v>0.65625</v>
      </c>
      <c r="K18" s="301">
        <v>0.69791666666666696</v>
      </c>
      <c r="L18" s="300">
        <v>0.73958333333333304</v>
      </c>
      <c r="M18" s="301">
        <v>0.80208333333333337</v>
      </c>
      <c r="N18" s="303"/>
    </row>
    <row r="19" spans="1:16" ht="20.100000000000001" customHeight="1" x14ac:dyDescent="0.15">
      <c r="A19" s="820"/>
      <c r="B19" s="450" t="s">
        <v>573</v>
      </c>
      <c r="C19" s="300">
        <v>0.36527777777777798</v>
      </c>
      <c r="D19" s="300">
        <v>0.406944444444444</v>
      </c>
      <c r="E19" s="300">
        <v>0.44861111111111102</v>
      </c>
      <c r="F19" s="300">
        <v>0.49027777777777798</v>
      </c>
      <c r="G19" s="300">
        <v>0.531944444444444</v>
      </c>
      <c r="H19" s="300">
        <v>0.57361111111111096</v>
      </c>
      <c r="I19" s="301">
        <v>0.61527777777777803</v>
      </c>
      <c r="J19" s="300">
        <v>0.656944444444444</v>
      </c>
      <c r="K19" s="301">
        <v>0.69861111111111096</v>
      </c>
      <c r="L19" s="300">
        <v>0.74027777777777803</v>
      </c>
      <c r="M19" s="301">
        <v>0.8027777777777777</v>
      </c>
      <c r="N19" s="303"/>
    </row>
    <row r="20" spans="1:16" ht="20.100000000000001" customHeight="1" x14ac:dyDescent="0.15">
      <c r="A20" s="820"/>
      <c r="B20" s="450" t="s">
        <v>574</v>
      </c>
      <c r="C20" s="300">
        <v>0.36666666666666697</v>
      </c>
      <c r="D20" s="300">
        <v>0.40833333333333299</v>
      </c>
      <c r="E20" s="300">
        <v>0.45</v>
      </c>
      <c r="F20" s="300">
        <v>0.49166666666666697</v>
      </c>
      <c r="G20" s="300">
        <v>0.53333333333333299</v>
      </c>
      <c r="H20" s="300">
        <v>0.57499999999999996</v>
      </c>
      <c r="I20" s="301">
        <v>0.61666666666666703</v>
      </c>
      <c r="J20" s="300">
        <v>0.65833333333333299</v>
      </c>
      <c r="K20" s="301">
        <v>0.7</v>
      </c>
      <c r="L20" s="300">
        <v>0.74166666666666703</v>
      </c>
      <c r="M20" s="301">
        <v>0.8041666666666667</v>
      </c>
      <c r="N20" s="303"/>
    </row>
    <row r="21" spans="1:16" ht="20.100000000000001" customHeight="1" x14ac:dyDescent="0.15">
      <c r="A21" s="820"/>
      <c r="B21" s="450" t="s">
        <v>496</v>
      </c>
      <c r="C21" s="300">
        <v>0.36805555555555602</v>
      </c>
      <c r="D21" s="300">
        <v>0.40972222222222199</v>
      </c>
      <c r="E21" s="300">
        <v>0.45138888888888901</v>
      </c>
      <c r="F21" s="300">
        <v>0.49305555555555602</v>
      </c>
      <c r="G21" s="300">
        <v>0.53472222222222199</v>
      </c>
      <c r="H21" s="300">
        <v>0.57638888888888895</v>
      </c>
      <c r="I21" s="301">
        <v>0.61805555555555602</v>
      </c>
      <c r="J21" s="300">
        <v>0.65972222222222199</v>
      </c>
      <c r="K21" s="301">
        <v>0.70138888888888895</v>
      </c>
      <c r="L21" s="300">
        <v>0.74305555555555602</v>
      </c>
      <c r="M21" s="301">
        <v>0.80555555555555547</v>
      </c>
      <c r="N21" s="302"/>
    </row>
    <row r="22" spans="1:16" ht="20.100000000000001" customHeight="1" x14ac:dyDescent="0.15">
      <c r="A22" s="821"/>
      <c r="B22" s="450" t="s">
        <v>575</v>
      </c>
      <c r="C22" s="304" t="s">
        <v>54</v>
      </c>
      <c r="D22" s="300">
        <v>0.41319444444444398</v>
      </c>
      <c r="E22" s="300" t="s">
        <v>54</v>
      </c>
      <c r="F22" s="300">
        <v>0.49652777777777801</v>
      </c>
      <c r="G22" s="300" t="s">
        <v>54</v>
      </c>
      <c r="H22" s="300">
        <v>0.57986111111111105</v>
      </c>
      <c r="I22" s="301" t="s">
        <v>54</v>
      </c>
      <c r="J22" s="300">
        <v>0.66319444444444398</v>
      </c>
      <c r="K22" s="301" t="s">
        <v>54</v>
      </c>
      <c r="L22" s="300">
        <v>0.74652777777777801</v>
      </c>
      <c r="M22" s="305" t="s">
        <v>410</v>
      </c>
      <c r="N22" s="306"/>
    </row>
    <row r="23" spans="1:16" ht="17.25" x14ac:dyDescent="0.15">
      <c r="A23" s="454"/>
      <c r="B23" s="321"/>
      <c r="C23" s="307"/>
      <c r="D23" s="307"/>
      <c r="E23" s="307"/>
      <c r="F23" s="307"/>
      <c r="G23" s="307"/>
      <c r="H23" s="307"/>
      <c r="I23" s="307"/>
      <c r="J23" s="307"/>
      <c r="K23" s="307"/>
      <c r="L23" s="307"/>
      <c r="M23" s="307"/>
      <c r="N23" s="307"/>
    </row>
    <row r="24" spans="1:16" ht="20.100000000000001" customHeight="1" x14ac:dyDescent="0.15">
      <c r="A24" s="822" t="s">
        <v>576</v>
      </c>
      <c r="B24" s="675" t="s">
        <v>178</v>
      </c>
      <c r="C24" s="45" t="s">
        <v>179</v>
      </c>
      <c r="D24" s="678" t="s">
        <v>180</v>
      </c>
      <c r="E24" s="676" t="s">
        <v>181</v>
      </c>
      <c r="F24" s="678" t="s">
        <v>182</v>
      </c>
      <c r="G24" s="676" t="s">
        <v>183</v>
      </c>
      <c r="H24" s="678" t="s">
        <v>184</v>
      </c>
      <c r="I24" s="676" t="s">
        <v>185</v>
      </c>
      <c r="J24" s="678" t="s">
        <v>61</v>
      </c>
      <c r="K24" s="45" t="s">
        <v>186</v>
      </c>
      <c r="L24" s="678" t="s">
        <v>187</v>
      </c>
      <c r="M24" s="45" t="s">
        <v>188</v>
      </c>
      <c r="N24" s="678" t="s">
        <v>189</v>
      </c>
      <c r="O24" s="679" t="s">
        <v>190</v>
      </c>
      <c r="P24" s="680"/>
    </row>
    <row r="25" spans="1:16" ht="20.100000000000001" customHeight="1" x14ac:dyDescent="0.15">
      <c r="A25" s="822"/>
      <c r="B25" s="450" t="s">
        <v>575</v>
      </c>
      <c r="C25" s="681" t="s">
        <v>410</v>
      </c>
      <c r="D25" s="308" t="s">
        <v>410</v>
      </c>
      <c r="E25" s="304" t="s">
        <v>410</v>
      </c>
      <c r="F25" s="300">
        <v>0.41666666666666702</v>
      </c>
      <c r="G25" s="300" t="s">
        <v>54</v>
      </c>
      <c r="H25" s="300">
        <v>0.5</v>
      </c>
      <c r="I25" s="309" t="s">
        <v>54</v>
      </c>
      <c r="J25" s="309">
        <v>0.58333333333333304</v>
      </c>
      <c r="K25" s="301" t="s">
        <v>54</v>
      </c>
      <c r="L25" s="300">
        <v>0.66666666666666696</v>
      </c>
      <c r="M25" s="301" t="s">
        <v>54</v>
      </c>
      <c r="N25" s="300">
        <v>0.75</v>
      </c>
      <c r="O25" s="310" t="s">
        <v>410</v>
      </c>
      <c r="P25" s="311"/>
    </row>
    <row r="26" spans="1:16" ht="20.100000000000001" customHeight="1" x14ac:dyDescent="0.15">
      <c r="A26" s="822"/>
      <c r="B26" s="450" t="s">
        <v>496</v>
      </c>
      <c r="C26" s="312">
        <v>0.28472222222222221</v>
      </c>
      <c r="D26" s="300">
        <v>0.31944444444444448</v>
      </c>
      <c r="E26" s="300">
        <v>0.37847222222222199</v>
      </c>
      <c r="F26" s="300">
        <v>0.42013888888888901</v>
      </c>
      <c r="G26" s="300">
        <v>0.46180555555555602</v>
      </c>
      <c r="H26" s="300">
        <v>0.50347222222222199</v>
      </c>
      <c r="I26" s="309">
        <v>0.54513888888888895</v>
      </c>
      <c r="J26" s="309">
        <v>0.58680555555555602</v>
      </c>
      <c r="K26" s="301">
        <v>0.62847222222222199</v>
      </c>
      <c r="L26" s="300">
        <v>0.67013888888888895</v>
      </c>
      <c r="M26" s="301">
        <v>0.71180555555555602</v>
      </c>
      <c r="N26" s="300">
        <v>0.75347222222222199</v>
      </c>
      <c r="O26" s="310">
        <v>0.79513888888888895</v>
      </c>
      <c r="P26" s="302"/>
    </row>
    <row r="27" spans="1:16" ht="20.100000000000001" customHeight="1" x14ac:dyDescent="0.15">
      <c r="A27" s="822"/>
      <c r="B27" s="450" t="s">
        <v>574</v>
      </c>
      <c r="C27" s="312">
        <v>0.28611111111111115</v>
      </c>
      <c r="D27" s="300">
        <v>0.32083333333333336</v>
      </c>
      <c r="E27" s="313">
        <v>0.37986111111111098</v>
      </c>
      <c r="F27" s="313">
        <v>0.421527777777778</v>
      </c>
      <c r="G27" s="313">
        <v>0.46319444444444402</v>
      </c>
      <c r="H27" s="313">
        <v>0.50486111111111098</v>
      </c>
      <c r="I27" s="314">
        <v>0.54652777777777795</v>
      </c>
      <c r="J27" s="314">
        <v>0.58819444444444402</v>
      </c>
      <c r="K27" s="315">
        <v>0.62986111111111098</v>
      </c>
      <c r="L27" s="313">
        <v>0.67152777777777795</v>
      </c>
      <c r="M27" s="315">
        <v>0.71319444444444402</v>
      </c>
      <c r="N27" s="313">
        <v>0.75486111111111098</v>
      </c>
      <c r="O27" s="316">
        <v>0.79652777777777795</v>
      </c>
      <c r="P27" s="311"/>
    </row>
    <row r="28" spans="1:16" ht="20.100000000000001" customHeight="1" x14ac:dyDescent="0.15">
      <c r="A28" s="822"/>
      <c r="B28" s="450" t="s">
        <v>573</v>
      </c>
      <c r="C28" s="312">
        <v>0.28750000000000003</v>
      </c>
      <c r="D28" s="300">
        <v>0.32222222222222224</v>
      </c>
      <c r="E28" s="313">
        <v>0.38124999999999998</v>
      </c>
      <c r="F28" s="313">
        <v>0.422916666666667</v>
      </c>
      <c r="G28" s="313">
        <v>0.46458333333333302</v>
      </c>
      <c r="H28" s="313">
        <v>0.50624999999999998</v>
      </c>
      <c r="I28" s="314">
        <v>0.54791666666666705</v>
      </c>
      <c r="J28" s="314">
        <v>0.58958333333333302</v>
      </c>
      <c r="K28" s="315">
        <v>0.63124999999999998</v>
      </c>
      <c r="L28" s="313">
        <v>0.67291666666666705</v>
      </c>
      <c r="M28" s="315">
        <v>0.71458333333333302</v>
      </c>
      <c r="N28" s="313">
        <v>0.75624999999999998</v>
      </c>
      <c r="O28" s="316">
        <v>0.79791666666666705</v>
      </c>
      <c r="P28" s="311"/>
    </row>
    <row r="29" spans="1:16" ht="20.100000000000001" customHeight="1" x14ac:dyDescent="0.15">
      <c r="A29" s="822"/>
      <c r="B29" s="450" t="s">
        <v>572</v>
      </c>
      <c r="C29" s="312">
        <v>0.28750000000000003</v>
      </c>
      <c r="D29" s="300">
        <v>0.32222222222222224</v>
      </c>
      <c r="E29" s="313">
        <v>0.38124999999999998</v>
      </c>
      <c r="F29" s="313">
        <v>0.422916666666667</v>
      </c>
      <c r="G29" s="313">
        <v>0.46458333333333302</v>
      </c>
      <c r="H29" s="313">
        <v>0.50624999999999998</v>
      </c>
      <c r="I29" s="314">
        <v>0.54791666666666705</v>
      </c>
      <c r="J29" s="314">
        <v>0.58958333333333302</v>
      </c>
      <c r="K29" s="315">
        <v>0.63124999999999998</v>
      </c>
      <c r="L29" s="313">
        <v>0.67291666666666705</v>
      </c>
      <c r="M29" s="315">
        <v>0.71458333333333302</v>
      </c>
      <c r="N29" s="313">
        <v>0.75624999999999998</v>
      </c>
      <c r="O29" s="316">
        <v>0.79791666666666705</v>
      </c>
      <c r="P29" s="311"/>
    </row>
    <row r="30" spans="1:16" ht="20.100000000000001" customHeight="1" x14ac:dyDescent="0.15">
      <c r="A30" s="822"/>
      <c r="B30" s="450" t="s">
        <v>488</v>
      </c>
      <c r="C30" s="312">
        <v>0.28819444444444448</v>
      </c>
      <c r="D30" s="300">
        <v>0.32291666666666669</v>
      </c>
      <c r="E30" s="313">
        <v>0.38194444444444398</v>
      </c>
      <c r="F30" s="313">
        <v>0.42361111111111099</v>
      </c>
      <c r="G30" s="313">
        <v>0.46527777777777801</v>
      </c>
      <c r="H30" s="313">
        <v>0.50694444444444398</v>
      </c>
      <c r="I30" s="314">
        <v>0.54861111111111105</v>
      </c>
      <c r="J30" s="314">
        <v>0.59027777777777801</v>
      </c>
      <c r="K30" s="315">
        <v>0.63194444444444398</v>
      </c>
      <c r="L30" s="313">
        <v>0.67361111111111105</v>
      </c>
      <c r="M30" s="315">
        <v>0.71527777777777801</v>
      </c>
      <c r="N30" s="313">
        <v>0.75694444444444398</v>
      </c>
      <c r="O30" s="316">
        <v>0.79861111111111105</v>
      </c>
      <c r="P30" s="311"/>
    </row>
    <row r="31" spans="1:16" ht="20.100000000000001" customHeight="1" x14ac:dyDescent="0.15">
      <c r="A31" s="822"/>
      <c r="B31" s="450" t="s">
        <v>571</v>
      </c>
      <c r="C31" s="312">
        <v>0.28888888888888892</v>
      </c>
      <c r="D31" s="300">
        <v>0.32361111111111113</v>
      </c>
      <c r="E31" s="313">
        <v>0.38263888888888897</v>
      </c>
      <c r="F31" s="313">
        <v>0.42430555555555599</v>
      </c>
      <c r="G31" s="313">
        <v>0.46597222222222201</v>
      </c>
      <c r="H31" s="313">
        <v>0.50763888888888897</v>
      </c>
      <c r="I31" s="314">
        <v>0.54930555555555605</v>
      </c>
      <c r="J31" s="314">
        <v>0.59097222222222201</v>
      </c>
      <c r="K31" s="315">
        <v>0.63263888888888897</v>
      </c>
      <c r="L31" s="313">
        <v>0.67430555555555505</v>
      </c>
      <c r="M31" s="315">
        <v>0.71597222222222201</v>
      </c>
      <c r="N31" s="313">
        <v>0.75763888888888897</v>
      </c>
      <c r="O31" s="316">
        <v>0.79930555555555605</v>
      </c>
      <c r="P31" s="311"/>
    </row>
    <row r="32" spans="1:16" ht="20.100000000000001" customHeight="1" x14ac:dyDescent="0.15">
      <c r="A32" s="822"/>
      <c r="B32" s="450" t="s">
        <v>570</v>
      </c>
      <c r="C32" s="312">
        <v>0.28958333333333336</v>
      </c>
      <c r="D32" s="300">
        <v>0.32430555555555557</v>
      </c>
      <c r="E32" s="313">
        <v>0.38333333333333303</v>
      </c>
      <c r="F32" s="313">
        <v>0.42499999999999999</v>
      </c>
      <c r="G32" s="313">
        <v>0.46666666666666701</v>
      </c>
      <c r="H32" s="313">
        <v>0.50833333333333297</v>
      </c>
      <c r="I32" s="314">
        <v>0.55000000000000004</v>
      </c>
      <c r="J32" s="314">
        <v>0.59166666666666701</v>
      </c>
      <c r="K32" s="315">
        <v>0.63333333333333297</v>
      </c>
      <c r="L32" s="313">
        <v>0.67500000000000004</v>
      </c>
      <c r="M32" s="315">
        <v>0.71666666666666701</v>
      </c>
      <c r="N32" s="313">
        <v>0.75833333333333297</v>
      </c>
      <c r="O32" s="316">
        <v>0.8</v>
      </c>
      <c r="P32" s="311"/>
    </row>
    <row r="33" spans="1:16" ht="20.100000000000001" customHeight="1" x14ac:dyDescent="0.15">
      <c r="A33" s="822"/>
      <c r="B33" s="450" t="s">
        <v>569</v>
      </c>
      <c r="C33" s="312">
        <v>0.2902777777777778</v>
      </c>
      <c r="D33" s="300">
        <v>0.32500000000000001</v>
      </c>
      <c r="E33" s="313">
        <v>0.38402777777777802</v>
      </c>
      <c r="F33" s="313">
        <v>0.42569444444444399</v>
      </c>
      <c r="G33" s="313">
        <v>0.46736111111111101</v>
      </c>
      <c r="H33" s="313">
        <v>0.50902777777777797</v>
      </c>
      <c r="I33" s="314">
        <v>0.55069444444444404</v>
      </c>
      <c r="J33" s="314">
        <v>0.59236111111111101</v>
      </c>
      <c r="K33" s="315">
        <v>0.63402777777777797</v>
      </c>
      <c r="L33" s="313">
        <v>0.67569444444444404</v>
      </c>
      <c r="M33" s="315">
        <v>0.71736111111111101</v>
      </c>
      <c r="N33" s="313">
        <v>0.75902777777777797</v>
      </c>
      <c r="O33" s="316">
        <v>0.80069444444444504</v>
      </c>
      <c r="P33" s="311"/>
    </row>
    <row r="34" spans="1:16" ht="20.100000000000001" customHeight="1" x14ac:dyDescent="0.15">
      <c r="A34" s="822"/>
      <c r="B34" s="450" t="s">
        <v>568</v>
      </c>
      <c r="C34" s="312">
        <v>0.29097222222222224</v>
      </c>
      <c r="D34" s="300">
        <v>0.32569444444444445</v>
      </c>
      <c r="E34" s="313">
        <v>0.38472222222222202</v>
      </c>
      <c r="F34" s="313">
        <v>0.42638888888888898</v>
      </c>
      <c r="G34" s="313">
        <v>0.468055555555556</v>
      </c>
      <c r="H34" s="313">
        <v>0.50972222222222197</v>
      </c>
      <c r="I34" s="314">
        <v>0.55138888888888904</v>
      </c>
      <c r="J34" s="314">
        <v>0.593055555555555</v>
      </c>
      <c r="K34" s="315">
        <v>0.63472222222222197</v>
      </c>
      <c r="L34" s="313">
        <v>0.67638888888888904</v>
      </c>
      <c r="M34" s="315">
        <v>0.718055555555555</v>
      </c>
      <c r="N34" s="313">
        <v>0.75972222222222197</v>
      </c>
      <c r="O34" s="316">
        <v>0.80138888888888904</v>
      </c>
      <c r="P34" s="311"/>
    </row>
    <row r="35" spans="1:16" ht="20.100000000000001" customHeight="1" x14ac:dyDescent="0.15">
      <c r="A35" s="822"/>
      <c r="B35" s="450" t="s">
        <v>200</v>
      </c>
      <c r="C35" s="312">
        <v>0.29166666666666669</v>
      </c>
      <c r="D35" s="300">
        <v>0.3263888888888889</v>
      </c>
      <c r="E35" s="313">
        <v>0.38541666666666702</v>
      </c>
      <c r="F35" s="313">
        <v>0.42708333333333298</v>
      </c>
      <c r="G35" s="313">
        <v>0.46875</v>
      </c>
      <c r="H35" s="313">
        <v>0.51041666666666696</v>
      </c>
      <c r="I35" s="314">
        <v>0.55208333333333304</v>
      </c>
      <c r="J35" s="314">
        <v>0.59375</v>
      </c>
      <c r="K35" s="315">
        <v>0.63541666666666696</v>
      </c>
      <c r="L35" s="313">
        <v>0.67708333333333304</v>
      </c>
      <c r="M35" s="315">
        <v>0.71875</v>
      </c>
      <c r="N35" s="313">
        <v>0.76041666666666696</v>
      </c>
      <c r="O35" s="316">
        <v>0.80208333333333404</v>
      </c>
      <c r="P35" s="302"/>
    </row>
    <row r="36" spans="1:16" ht="20.100000000000001" customHeight="1" x14ac:dyDescent="0.15">
      <c r="A36" s="822"/>
      <c r="B36" s="682" t="s">
        <v>531</v>
      </c>
      <c r="C36" s="317">
        <v>0.29305555555555557</v>
      </c>
      <c r="D36" s="318">
        <v>0.32777777777777778</v>
      </c>
      <c r="E36" s="313">
        <v>0.38680555555555601</v>
      </c>
      <c r="F36" s="313">
        <v>0.42847222222222198</v>
      </c>
      <c r="G36" s="313">
        <v>0.470138888888888</v>
      </c>
      <c r="H36" s="313">
        <v>0.51180555555555396</v>
      </c>
      <c r="I36" s="314">
        <v>0.55347222222222003</v>
      </c>
      <c r="J36" s="314">
        <v>0.595138888888886</v>
      </c>
      <c r="K36" s="315">
        <v>0.63680555555555196</v>
      </c>
      <c r="L36" s="313">
        <v>0.67847222222221804</v>
      </c>
      <c r="M36" s="315">
        <v>0.720138888888884</v>
      </c>
      <c r="N36" s="313">
        <v>0.76180555555554996</v>
      </c>
      <c r="O36" s="316">
        <v>0.80347222222221604</v>
      </c>
      <c r="P36" s="311"/>
    </row>
    <row r="37" spans="1:16" ht="20.100000000000001" customHeight="1" x14ac:dyDescent="0.15">
      <c r="A37" s="822"/>
      <c r="B37" s="450" t="s">
        <v>890</v>
      </c>
      <c r="C37" s="312" t="s">
        <v>891</v>
      </c>
      <c r="D37" s="300" t="s">
        <v>577</v>
      </c>
      <c r="E37" s="313" t="s">
        <v>577</v>
      </c>
      <c r="F37" s="313" t="s">
        <v>577</v>
      </c>
      <c r="G37" s="313" t="s">
        <v>577</v>
      </c>
      <c r="H37" s="313">
        <v>0.51249999999999996</v>
      </c>
      <c r="I37" s="314">
        <v>0.55416666666666703</v>
      </c>
      <c r="J37" s="314">
        <v>0.59583333333333299</v>
      </c>
      <c r="K37" s="315">
        <v>0.63749999999999996</v>
      </c>
      <c r="L37" s="313">
        <v>0.67916666666666703</v>
      </c>
      <c r="M37" s="315">
        <v>0.72083333333333299</v>
      </c>
      <c r="N37" s="313">
        <v>0.76249999999999996</v>
      </c>
      <c r="O37" s="316">
        <v>0.80416666666666703</v>
      </c>
      <c r="P37" s="311"/>
    </row>
    <row r="38" spans="1:16" ht="20.100000000000001" customHeight="1" x14ac:dyDescent="0.15">
      <c r="A38" s="822"/>
      <c r="B38" s="450" t="s">
        <v>567</v>
      </c>
      <c r="C38" s="312">
        <v>0.29444444444444445</v>
      </c>
      <c r="D38" s="300">
        <v>0.32916666666666666</v>
      </c>
      <c r="E38" s="313">
        <v>0.38819444444444445</v>
      </c>
      <c r="F38" s="313">
        <v>0.42986111111111108</v>
      </c>
      <c r="G38" s="313">
        <v>0.47152777777777777</v>
      </c>
      <c r="H38" s="313">
        <v>0.51458333333333295</v>
      </c>
      <c r="I38" s="314">
        <v>0.55625000000000002</v>
      </c>
      <c r="J38" s="314">
        <v>0.59791666666666599</v>
      </c>
      <c r="K38" s="315">
        <v>0.63958333333333295</v>
      </c>
      <c r="L38" s="313">
        <v>0.68124999999999902</v>
      </c>
      <c r="M38" s="315">
        <v>0.72291666666666599</v>
      </c>
      <c r="N38" s="313">
        <v>0.76458333333333295</v>
      </c>
      <c r="O38" s="316">
        <v>0.80624999999999902</v>
      </c>
      <c r="P38" s="311"/>
    </row>
    <row r="39" spans="1:16" ht="20.100000000000001" customHeight="1" x14ac:dyDescent="0.15">
      <c r="A39" s="822"/>
      <c r="B39" s="683" t="s">
        <v>566</v>
      </c>
      <c r="C39" s="319">
        <v>0.2951388888888889</v>
      </c>
      <c r="D39" s="320">
        <v>0.3298611111111111</v>
      </c>
      <c r="E39" s="300">
        <v>0.3888888888888889</v>
      </c>
      <c r="F39" s="300">
        <v>0.43055555555555558</v>
      </c>
      <c r="G39" s="300">
        <v>0.47222222222222227</v>
      </c>
      <c r="H39" s="300">
        <v>0.51527777777777795</v>
      </c>
      <c r="I39" s="314">
        <v>0.55694444444444502</v>
      </c>
      <c r="J39" s="314">
        <v>0.59861111111111098</v>
      </c>
      <c r="K39" s="315">
        <v>0.64027777777777795</v>
      </c>
      <c r="L39" s="313">
        <v>0.68194444444444502</v>
      </c>
      <c r="M39" s="315">
        <v>0.72361111111111098</v>
      </c>
      <c r="N39" s="313">
        <v>0.76527777777777795</v>
      </c>
      <c r="O39" s="316">
        <v>0.80694444444444502</v>
      </c>
      <c r="P39" s="311"/>
    </row>
    <row r="40" spans="1:16" ht="20.100000000000001" customHeight="1" x14ac:dyDescent="0.15">
      <c r="A40" s="822"/>
      <c r="B40" s="450" t="s">
        <v>565</v>
      </c>
      <c r="C40" s="312">
        <v>0.29583333333333334</v>
      </c>
      <c r="D40" s="300">
        <v>0.33055555555555555</v>
      </c>
      <c r="E40" s="300">
        <v>0.38958333333333334</v>
      </c>
      <c r="F40" s="300">
        <v>0.43124999999999997</v>
      </c>
      <c r="G40" s="300">
        <v>0.47291666666666665</v>
      </c>
      <c r="H40" s="300">
        <v>0.51597222222222205</v>
      </c>
      <c r="I40" s="314">
        <v>0.55763888888888902</v>
      </c>
      <c r="J40" s="314">
        <v>0.59930555555555498</v>
      </c>
      <c r="K40" s="315">
        <v>0.64097222222222205</v>
      </c>
      <c r="L40" s="313">
        <v>0.68263888888888802</v>
      </c>
      <c r="M40" s="315">
        <v>0.72430555555555498</v>
      </c>
      <c r="N40" s="313">
        <v>0.76597222222222205</v>
      </c>
      <c r="O40" s="316">
        <v>0.80763888888888802</v>
      </c>
      <c r="P40" s="311"/>
    </row>
    <row r="41" spans="1:16" ht="20.100000000000001" customHeight="1" x14ac:dyDescent="0.15">
      <c r="A41" s="822"/>
      <c r="B41" s="450" t="s">
        <v>564</v>
      </c>
      <c r="C41" s="312">
        <v>0.29652777777777778</v>
      </c>
      <c r="D41" s="300">
        <v>0.33124999999999999</v>
      </c>
      <c r="E41" s="300">
        <v>0.39027777777777778</v>
      </c>
      <c r="F41" s="300">
        <v>0.43194444444444446</v>
      </c>
      <c r="G41" s="300">
        <v>0.47361111111111115</v>
      </c>
      <c r="H41" s="300">
        <v>0.51666666666666705</v>
      </c>
      <c r="I41" s="314">
        <v>0.55833333333333401</v>
      </c>
      <c r="J41" s="314">
        <v>0.6</v>
      </c>
      <c r="K41" s="315">
        <v>0.64166666666666705</v>
      </c>
      <c r="L41" s="313">
        <v>0.68333333333333401</v>
      </c>
      <c r="M41" s="315">
        <v>0.72499999999999998</v>
      </c>
      <c r="N41" s="313">
        <v>0.76666666666666705</v>
      </c>
      <c r="O41" s="316">
        <v>0.80833333333333401</v>
      </c>
      <c r="P41" s="311"/>
    </row>
    <row r="42" spans="1:16" ht="20.100000000000001" customHeight="1" x14ac:dyDescent="0.15">
      <c r="A42" s="822"/>
      <c r="B42" s="450" t="s">
        <v>563</v>
      </c>
      <c r="C42" s="312">
        <v>0.29652777777777778</v>
      </c>
      <c r="D42" s="300">
        <v>0.33124999999999999</v>
      </c>
      <c r="E42" s="300">
        <v>0.39027777777777778</v>
      </c>
      <c r="F42" s="300">
        <v>0.43194444444444446</v>
      </c>
      <c r="G42" s="300">
        <v>0.47361111111111115</v>
      </c>
      <c r="H42" s="300">
        <v>0.51666666666666705</v>
      </c>
      <c r="I42" s="314">
        <v>0.55833333333333401</v>
      </c>
      <c r="J42" s="314">
        <v>0.6</v>
      </c>
      <c r="K42" s="315">
        <v>0.64166666666666705</v>
      </c>
      <c r="L42" s="313">
        <v>0.68333333333333401</v>
      </c>
      <c r="M42" s="315">
        <v>0.72499999999999998</v>
      </c>
      <c r="N42" s="313">
        <v>0.76666666666666705</v>
      </c>
      <c r="O42" s="316">
        <v>0.80833333333333401</v>
      </c>
      <c r="P42" s="311"/>
    </row>
    <row r="43" spans="1:16" ht="20.100000000000001" customHeight="1" x14ac:dyDescent="0.15">
      <c r="A43" s="822"/>
      <c r="B43" s="450" t="s">
        <v>152</v>
      </c>
      <c r="C43" s="312">
        <v>0.29722222222222222</v>
      </c>
      <c r="D43" s="300">
        <v>0.33194444444444443</v>
      </c>
      <c r="E43" s="300">
        <v>0.39097222222222222</v>
      </c>
      <c r="F43" s="300">
        <v>0.43263888888888885</v>
      </c>
      <c r="G43" s="300">
        <v>0.47430555555555554</v>
      </c>
      <c r="H43" s="300">
        <v>0.51736111111111105</v>
      </c>
      <c r="I43" s="314">
        <v>0.55902777777777801</v>
      </c>
      <c r="J43" s="314">
        <v>0.60069444444444398</v>
      </c>
      <c r="K43" s="315">
        <v>0.64236111111111105</v>
      </c>
      <c r="L43" s="313">
        <v>0.68402777777777701</v>
      </c>
      <c r="M43" s="315">
        <v>0.72569444444444398</v>
      </c>
      <c r="N43" s="313">
        <v>0.76736111111111105</v>
      </c>
      <c r="O43" s="316">
        <v>0.80902777777777701</v>
      </c>
      <c r="P43" s="311"/>
    </row>
    <row r="44" spans="1:16" ht="20.100000000000001" customHeight="1" x14ac:dyDescent="0.15">
      <c r="A44" s="822"/>
      <c r="B44" s="450" t="s">
        <v>209</v>
      </c>
      <c r="C44" s="312">
        <v>0.2986111111111111</v>
      </c>
      <c r="D44" s="300">
        <v>0.33333333333333331</v>
      </c>
      <c r="E44" s="300">
        <v>0.3923611111111111</v>
      </c>
      <c r="F44" s="300">
        <v>0.43402777777777773</v>
      </c>
      <c r="G44" s="300">
        <v>0.47569444444444442</v>
      </c>
      <c r="H44" s="300">
        <v>0.51875000000000004</v>
      </c>
      <c r="I44" s="314">
        <v>0.56041666666666701</v>
      </c>
      <c r="J44" s="314">
        <v>0.60208333333333297</v>
      </c>
      <c r="K44" s="315">
        <v>0.64375000000000004</v>
      </c>
      <c r="L44" s="313">
        <v>0.68541666666666601</v>
      </c>
      <c r="M44" s="315">
        <v>0.72708333333333297</v>
      </c>
      <c r="N44" s="313">
        <v>0.76875000000000004</v>
      </c>
      <c r="O44" s="316">
        <v>0.81041666666666601</v>
      </c>
      <c r="P44" s="302"/>
    </row>
    <row r="45" spans="1:16" ht="14.25" x14ac:dyDescent="0.15">
      <c r="A45" s="321"/>
      <c r="B45" s="322"/>
      <c r="C45" s="323"/>
      <c r="D45" s="323"/>
      <c r="E45" s="324"/>
      <c r="F45" s="324"/>
      <c r="G45" s="324"/>
      <c r="H45" s="324"/>
      <c r="I45" s="324"/>
      <c r="J45" s="324"/>
      <c r="K45" s="324"/>
      <c r="L45" s="324"/>
      <c r="M45" s="324"/>
      <c r="O45" s="325"/>
      <c r="P45" s="325"/>
    </row>
    <row r="46" spans="1:16" ht="20.25" x14ac:dyDescent="0.15">
      <c r="A46" s="326"/>
      <c r="B46" s="684" t="s">
        <v>578</v>
      </c>
      <c r="C46" s="323"/>
      <c r="D46" s="323"/>
      <c r="E46" s="324"/>
      <c r="F46" s="327"/>
      <c r="G46" s="684" t="s">
        <v>579</v>
      </c>
      <c r="J46" s="324"/>
      <c r="K46" s="324"/>
      <c r="L46" s="324"/>
      <c r="M46" s="469"/>
    </row>
  </sheetData>
  <mergeCells count="3">
    <mergeCell ref="B1:O1"/>
    <mergeCell ref="A3:A22"/>
    <mergeCell ref="A24:A44"/>
  </mergeCells>
  <phoneticPr fontId="3"/>
  <pageMargins left="0.70866141732283472" right="0" top="0" bottom="0" header="0.31496062992125984" footer="0"/>
  <pageSetup paperSize="9" scale="68" orientation="landscape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6"/>
  <sheetViews>
    <sheetView view="pageBreakPreview" zoomScale="80" zoomScaleNormal="100" zoomScaleSheetLayoutView="80" workbookViewId="0">
      <selection activeCell="G4" sqref="G4"/>
    </sheetView>
  </sheetViews>
  <sheetFormatPr defaultRowHeight="13.5" x14ac:dyDescent="0.15"/>
  <cols>
    <col min="1" max="1" width="7.625" customWidth="1"/>
    <col min="2" max="2" width="30.625" customWidth="1"/>
  </cols>
  <sheetData>
    <row r="1" spans="1:15" ht="24.95" customHeight="1" x14ac:dyDescent="0.15">
      <c r="A1" s="294"/>
      <c r="B1" s="817" t="s">
        <v>580</v>
      </c>
      <c r="C1" s="823"/>
      <c r="D1" s="823"/>
      <c r="E1" s="823"/>
      <c r="F1" s="823"/>
      <c r="G1" s="823"/>
      <c r="H1" s="823"/>
      <c r="I1" s="823"/>
      <c r="J1" s="823"/>
      <c r="K1" s="823"/>
      <c r="L1" s="823"/>
      <c r="M1" s="823"/>
      <c r="N1" s="824"/>
      <c r="O1" s="295"/>
    </row>
    <row r="2" spans="1:15" ht="18.75" x14ac:dyDescent="0.15">
      <c r="A2" s="295"/>
      <c r="B2" s="295"/>
      <c r="C2" s="295"/>
      <c r="D2" s="295"/>
      <c r="E2" s="295"/>
      <c r="F2" s="295"/>
      <c r="G2" s="295"/>
      <c r="H2" s="295"/>
      <c r="I2" s="295"/>
      <c r="J2" s="295"/>
      <c r="K2" s="295"/>
      <c r="L2" s="295"/>
      <c r="M2" s="299"/>
      <c r="N2" s="328"/>
    </row>
    <row r="3" spans="1:15" ht="14.25" x14ac:dyDescent="0.15">
      <c r="A3" s="825" t="s">
        <v>581</v>
      </c>
      <c r="B3" s="329" t="s">
        <v>178</v>
      </c>
      <c r="C3" s="330" t="s">
        <v>179</v>
      </c>
      <c r="D3" s="331" t="s">
        <v>180</v>
      </c>
      <c r="E3" s="332" t="s">
        <v>181</v>
      </c>
      <c r="F3" s="330" t="s">
        <v>582</v>
      </c>
      <c r="G3" s="332" t="s">
        <v>183</v>
      </c>
      <c r="H3" s="330" t="s">
        <v>583</v>
      </c>
      <c r="I3" s="332" t="s">
        <v>185</v>
      </c>
      <c r="J3" s="330" t="s">
        <v>584</v>
      </c>
      <c r="K3" s="332" t="s">
        <v>186</v>
      </c>
      <c r="L3" s="333" t="s">
        <v>585</v>
      </c>
      <c r="M3" s="334" t="s">
        <v>217</v>
      </c>
      <c r="N3" s="335"/>
    </row>
    <row r="4" spans="1:15" ht="17.25" x14ac:dyDescent="0.15">
      <c r="A4" s="826"/>
      <c r="B4" s="336" t="s">
        <v>586</v>
      </c>
      <c r="C4" s="55" t="s">
        <v>587</v>
      </c>
      <c r="D4" s="148" t="s">
        <v>588</v>
      </c>
      <c r="E4" s="56" t="s">
        <v>589</v>
      </c>
      <c r="F4" s="55" t="s">
        <v>590</v>
      </c>
      <c r="G4" s="56" t="s">
        <v>591</v>
      </c>
      <c r="H4" s="55" t="s">
        <v>592</v>
      </c>
      <c r="I4" s="56" t="s">
        <v>593</v>
      </c>
      <c r="J4" s="55" t="s">
        <v>594</v>
      </c>
      <c r="K4" s="56" t="s">
        <v>595</v>
      </c>
      <c r="L4" s="55" t="s">
        <v>596</v>
      </c>
      <c r="M4" s="55" t="s">
        <v>597</v>
      </c>
      <c r="N4" s="337"/>
    </row>
    <row r="5" spans="1:15" ht="17.25" x14ac:dyDescent="0.15">
      <c r="A5" s="826"/>
      <c r="B5" s="336" t="s">
        <v>598</v>
      </c>
      <c r="C5" s="55" t="s">
        <v>599</v>
      </c>
      <c r="D5" s="148" t="s">
        <v>600</v>
      </c>
      <c r="E5" s="56" t="s">
        <v>601</v>
      </c>
      <c r="F5" s="55" t="s">
        <v>602</v>
      </c>
      <c r="G5" s="56" t="s">
        <v>603</v>
      </c>
      <c r="H5" s="55" t="s">
        <v>604</v>
      </c>
      <c r="I5" s="56" t="s">
        <v>605</v>
      </c>
      <c r="J5" s="55" t="s">
        <v>606</v>
      </c>
      <c r="K5" s="56" t="s">
        <v>607</v>
      </c>
      <c r="L5" s="55" t="s">
        <v>608</v>
      </c>
      <c r="M5" s="55" t="s">
        <v>609</v>
      </c>
      <c r="N5" s="307"/>
    </row>
    <row r="6" spans="1:15" ht="17.25" x14ac:dyDescent="0.15">
      <c r="A6" s="826"/>
      <c r="B6" s="336" t="s">
        <v>610</v>
      </c>
      <c r="C6" s="55" t="s">
        <v>611</v>
      </c>
      <c r="D6" s="148" t="s">
        <v>612</v>
      </c>
      <c r="E6" s="56" t="s">
        <v>613</v>
      </c>
      <c r="F6" s="55">
        <v>0.46319444444444446</v>
      </c>
      <c r="G6" s="56" t="s">
        <v>614</v>
      </c>
      <c r="H6" s="55" t="s">
        <v>615</v>
      </c>
      <c r="I6" s="56" t="s">
        <v>616</v>
      </c>
      <c r="J6" s="55" t="s">
        <v>617</v>
      </c>
      <c r="K6" s="56" t="s">
        <v>618</v>
      </c>
      <c r="L6" s="55" t="s">
        <v>619</v>
      </c>
      <c r="M6" s="55" t="s">
        <v>620</v>
      </c>
      <c r="N6" s="307"/>
    </row>
    <row r="7" spans="1:15" ht="17.25" x14ac:dyDescent="0.15">
      <c r="A7" s="826"/>
      <c r="B7" s="336" t="s">
        <v>621</v>
      </c>
      <c r="C7" s="55" t="s">
        <v>611</v>
      </c>
      <c r="D7" s="148" t="s">
        <v>612</v>
      </c>
      <c r="E7" s="56" t="s">
        <v>613</v>
      </c>
      <c r="F7" s="55" t="s">
        <v>622</v>
      </c>
      <c r="G7" s="56" t="s">
        <v>614</v>
      </c>
      <c r="H7" s="55" t="s">
        <v>615</v>
      </c>
      <c r="I7" s="56" t="s">
        <v>616</v>
      </c>
      <c r="J7" s="55" t="s">
        <v>617</v>
      </c>
      <c r="K7" s="56" t="s">
        <v>618</v>
      </c>
      <c r="L7" s="55" t="s">
        <v>619</v>
      </c>
      <c r="M7" s="55" t="s">
        <v>620</v>
      </c>
      <c r="N7" s="307"/>
    </row>
    <row r="8" spans="1:15" ht="17.25" x14ac:dyDescent="0.15">
      <c r="A8" s="826"/>
      <c r="B8" s="336" t="s">
        <v>623</v>
      </c>
      <c r="C8" s="55" t="s">
        <v>624</v>
      </c>
      <c r="D8" s="148" t="s">
        <v>625</v>
      </c>
      <c r="E8" s="56" t="s">
        <v>626</v>
      </c>
      <c r="F8" s="55" t="s">
        <v>627</v>
      </c>
      <c r="G8" s="56" t="s">
        <v>628</v>
      </c>
      <c r="H8" s="55" t="s">
        <v>629</v>
      </c>
      <c r="I8" s="56" t="s">
        <v>630</v>
      </c>
      <c r="J8" s="55" t="s">
        <v>631</v>
      </c>
      <c r="K8" s="56" t="s">
        <v>632</v>
      </c>
      <c r="L8" s="55" t="s">
        <v>633</v>
      </c>
      <c r="M8" s="55" t="s">
        <v>634</v>
      </c>
      <c r="N8" s="307"/>
    </row>
    <row r="9" spans="1:15" ht="17.25" x14ac:dyDescent="0.15">
      <c r="A9" s="826"/>
      <c r="B9" s="336" t="s">
        <v>635</v>
      </c>
      <c r="C9" s="55" t="s">
        <v>636</v>
      </c>
      <c r="D9" s="148" t="s">
        <v>637</v>
      </c>
      <c r="E9" s="56" t="s">
        <v>638</v>
      </c>
      <c r="F9" s="55" t="s">
        <v>639</v>
      </c>
      <c r="G9" s="56" t="s">
        <v>640</v>
      </c>
      <c r="H9" s="55" t="s">
        <v>641</v>
      </c>
      <c r="I9" s="56" t="s">
        <v>642</v>
      </c>
      <c r="J9" s="55" t="s">
        <v>643</v>
      </c>
      <c r="K9" s="56" t="s">
        <v>644</v>
      </c>
      <c r="L9" s="55" t="s">
        <v>645</v>
      </c>
      <c r="M9" s="55" t="s">
        <v>646</v>
      </c>
      <c r="N9" s="307"/>
    </row>
    <row r="10" spans="1:15" ht="17.25" x14ac:dyDescent="0.15">
      <c r="A10" s="826"/>
      <c r="B10" s="336" t="s">
        <v>567</v>
      </c>
      <c r="C10" s="55">
        <v>0.34027777777777773</v>
      </c>
      <c r="D10" s="148">
        <v>0.38194444444444442</v>
      </c>
      <c r="E10" s="56">
        <v>0.42361111111111099</v>
      </c>
      <c r="F10" s="55">
        <v>0.46527777777777801</v>
      </c>
      <c r="G10" s="56">
        <v>0.50694444444444497</v>
      </c>
      <c r="H10" s="55">
        <v>0.54861111111111105</v>
      </c>
      <c r="I10" s="56">
        <v>0.59027777777777801</v>
      </c>
      <c r="J10" s="55">
        <v>0.63194444444444497</v>
      </c>
      <c r="K10" s="56">
        <v>0.67361111111111105</v>
      </c>
      <c r="L10" s="55">
        <v>0.71527777777777801</v>
      </c>
      <c r="M10" s="55">
        <v>0.75694444444444497</v>
      </c>
      <c r="N10" s="307"/>
    </row>
    <row r="11" spans="1:15" ht="17.25" x14ac:dyDescent="0.15">
      <c r="A11" s="826"/>
      <c r="B11" s="336" t="s">
        <v>647</v>
      </c>
      <c r="C11" s="55" t="s">
        <v>648</v>
      </c>
      <c r="D11" s="148" t="s">
        <v>649</v>
      </c>
      <c r="E11" s="56" t="s">
        <v>650</v>
      </c>
      <c r="F11" s="55" t="s">
        <v>651</v>
      </c>
      <c r="G11" s="56">
        <v>0.5083333333333333</v>
      </c>
      <c r="H11" s="55" t="s">
        <v>652</v>
      </c>
      <c r="I11" s="56" t="s">
        <v>653</v>
      </c>
      <c r="J11" s="55" t="s">
        <v>654</v>
      </c>
      <c r="K11" s="56" t="s">
        <v>655</v>
      </c>
      <c r="L11" s="55" t="s">
        <v>656</v>
      </c>
      <c r="M11" s="55" t="s">
        <v>657</v>
      </c>
      <c r="N11" s="307"/>
    </row>
    <row r="12" spans="1:15" ht="17.25" x14ac:dyDescent="0.15">
      <c r="A12" s="826"/>
      <c r="B12" s="338" t="s">
        <v>658</v>
      </c>
      <c r="C12" s="55" t="s">
        <v>659</v>
      </c>
      <c r="D12" s="148" t="s">
        <v>660</v>
      </c>
      <c r="E12" s="56" t="s">
        <v>661</v>
      </c>
      <c r="F12" s="55" t="s">
        <v>662</v>
      </c>
      <c r="G12" s="56" t="s">
        <v>663</v>
      </c>
      <c r="H12" s="55" t="s">
        <v>664</v>
      </c>
      <c r="I12" s="56" t="s">
        <v>665</v>
      </c>
      <c r="J12" s="55" t="s">
        <v>666</v>
      </c>
      <c r="K12" s="56" t="s">
        <v>667</v>
      </c>
      <c r="L12" s="55" t="s">
        <v>668</v>
      </c>
      <c r="M12" s="55" t="s">
        <v>669</v>
      </c>
      <c r="N12" s="337"/>
    </row>
    <row r="13" spans="1:15" ht="17.25" x14ac:dyDescent="0.15">
      <c r="A13" s="826"/>
      <c r="B13" s="338" t="s">
        <v>670</v>
      </c>
      <c r="C13" s="55" t="s">
        <v>19</v>
      </c>
      <c r="D13" s="148" t="s">
        <v>19</v>
      </c>
      <c r="E13" s="56" t="s">
        <v>671</v>
      </c>
      <c r="F13" s="55" t="s">
        <v>19</v>
      </c>
      <c r="G13" s="56" t="s">
        <v>672</v>
      </c>
      <c r="H13" s="55" t="s">
        <v>19</v>
      </c>
      <c r="I13" s="56" t="s">
        <v>673</v>
      </c>
      <c r="J13" s="55" t="s">
        <v>19</v>
      </c>
      <c r="K13" s="56" t="s">
        <v>354</v>
      </c>
      <c r="L13" s="55" t="s">
        <v>19</v>
      </c>
      <c r="M13" s="55" t="s">
        <v>19</v>
      </c>
      <c r="N13" s="337"/>
    </row>
    <row r="14" spans="1:15" ht="17.25" x14ac:dyDescent="0.15">
      <c r="A14" s="826"/>
      <c r="B14" s="338" t="s">
        <v>674</v>
      </c>
      <c r="C14" s="55" t="s">
        <v>19</v>
      </c>
      <c r="D14" s="148" t="s">
        <v>19</v>
      </c>
      <c r="E14" s="56" t="s">
        <v>675</v>
      </c>
      <c r="F14" s="55" t="s">
        <v>19</v>
      </c>
      <c r="G14" s="56" t="s">
        <v>676</v>
      </c>
      <c r="H14" s="55" t="s">
        <v>19</v>
      </c>
      <c r="I14" s="56" t="s">
        <v>677</v>
      </c>
      <c r="J14" s="55" t="s">
        <v>19</v>
      </c>
      <c r="K14" s="56" t="s">
        <v>678</v>
      </c>
      <c r="L14" s="55" t="s">
        <v>19</v>
      </c>
      <c r="M14" s="55" t="s">
        <v>19</v>
      </c>
      <c r="N14" s="337"/>
    </row>
    <row r="15" spans="1:15" ht="17.25" x14ac:dyDescent="0.15">
      <c r="A15" s="826"/>
      <c r="B15" s="339" t="s">
        <v>679</v>
      </c>
      <c r="C15" s="55" t="s">
        <v>19</v>
      </c>
      <c r="D15" s="148" t="s">
        <v>19</v>
      </c>
      <c r="E15" s="56" t="s">
        <v>680</v>
      </c>
      <c r="F15" s="55" t="s">
        <v>19</v>
      </c>
      <c r="G15" s="56" t="s">
        <v>681</v>
      </c>
      <c r="H15" s="55" t="s">
        <v>19</v>
      </c>
      <c r="I15" s="56" t="s">
        <v>682</v>
      </c>
      <c r="J15" s="55" t="s">
        <v>19</v>
      </c>
      <c r="K15" s="56" t="s">
        <v>683</v>
      </c>
      <c r="L15" s="55" t="s">
        <v>19</v>
      </c>
      <c r="M15" s="55" t="s">
        <v>19</v>
      </c>
      <c r="N15" s="337"/>
    </row>
    <row r="16" spans="1:15" ht="17.25" x14ac:dyDescent="0.15">
      <c r="A16" s="826"/>
      <c r="B16" s="340" t="s">
        <v>684</v>
      </c>
      <c r="C16" s="55" t="s">
        <v>685</v>
      </c>
      <c r="D16" s="148" t="s">
        <v>686</v>
      </c>
      <c r="E16" s="56" t="s">
        <v>687</v>
      </c>
      <c r="F16" s="55" t="s">
        <v>688</v>
      </c>
      <c r="G16" s="56" t="s">
        <v>689</v>
      </c>
      <c r="H16" s="55" t="s">
        <v>690</v>
      </c>
      <c r="I16" s="56" t="s">
        <v>691</v>
      </c>
      <c r="J16" s="55" t="s">
        <v>692</v>
      </c>
      <c r="K16" s="56" t="s">
        <v>693</v>
      </c>
      <c r="L16" s="55" t="s">
        <v>694</v>
      </c>
      <c r="M16" s="55" t="s">
        <v>695</v>
      </c>
      <c r="N16" s="307"/>
    </row>
    <row r="17" spans="1:14" ht="17.25" x14ac:dyDescent="0.15">
      <c r="A17" s="826"/>
      <c r="B17" s="336" t="s">
        <v>696</v>
      </c>
      <c r="C17" s="55" t="s">
        <v>697</v>
      </c>
      <c r="D17" s="148" t="s">
        <v>698</v>
      </c>
      <c r="E17" s="56" t="s">
        <v>699</v>
      </c>
      <c r="F17" s="55" t="s">
        <v>700</v>
      </c>
      <c r="G17" s="56" t="s">
        <v>701</v>
      </c>
      <c r="H17" s="55" t="s">
        <v>702</v>
      </c>
      <c r="I17" s="56" t="s">
        <v>703</v>
      </c>
      <c r="J17" s="55" t="s">
        <v>704</v>
      </c>
      <c r="K17" s="56" t="s">
        <v>705</v>
      </c>
      <c r="L17" s="55" t="s">
        <v>706</v>
      </c>
      <c r="M17" s="55" t="s">
        <v>707</v>
      </c>
      <c r="N17" s="307"/>
    </row>
    <row r="18" spans="1:14" ht="17.25" x14ac:dyDescent="0.15">
      <c r="A18" s="826"/>
      <c r="B18" s="336" t="s">
        <v>708</v>
      </c>
      <c r="C18" s="55" t="s">
        <v>697</v>
      </c>
      <c r="D18" s="148" t="s">
        <v>698</v>
      </c>
      <c r="E18" s="56" t="s">
        <v>699</v>
      </c>
      <c r="F18" s="55" t="s">
        <v>700</v>
      </c>
      <c r="G18" s="56" t="s">
        <v>701</v>
      </c>
      <c r="H18" s="55" t="s">
        <v>702</v>
      </c>
      <c r="I18" s="56" t="s">
        <v>703</v>
      </c>
      <c r="J18" s="55" t="s">
        <v>704</v>
      </c>
      <c r="K18" s="56" t="s">
        <v>705</v>
      </c>
      <c r="L18" s="55" t="s">
        <v>706</v>
      </c>
      <c r="M18" s="55" t="s">
        <v>707</v>
      </c>
      <c r="N18" s="307"/>
    </row>
    <row r="19" spans="1:14" ht="17.25" x14ac:dyDescent="0.15">
      <c r="A19" s="826"/>
      <c r="B19" s="336" t="s">
        <v>709</v>
      </c>
      <c r="C19" s="55" t="s">
        <v>710</v>
      </c>
      <c r="D19" s="148" t="s">
        <v>711</v>
      </c>
      <c r="E19" s="56" t="s">
        <v>712</v>
      </c>
      <c r="F19" s="55" t="s">
        <v>713</v>
      </c>
      <c r="G19" s="56" t="s">
        <v>714</v>
      </c>
      <c r="H19" s="55" t="s">
        <v>715</v>
      </c>
      <c r="I19" s="56" t="s">
        <v>716</v>
      </c>
      <c r="J19" s="55" t="s">
        <v>717</v>
      </c>
      <c r="K19" s="56" t="s">
        <v>718</v>
      </c>
      <c r="L19" s="55" t="s">
        <v>719</v>
      </c>
      <c r="M19" s="55">
        <v>0.76250000000000007</v>
      </c>
      <c r="N19" s="307"/>
    </row>
    <row r="20" spans="1:14" ht="17.25" x14ac:dyDescent="0.15">
      <c r="A20" s="826"/>
      <c r="B20" s="336" t="s">
        <v>720</v>
      </c>
      <c r="C20" s="55" t="s">
        <v>721</v>
      </c>
      <c r="D20" s="148" t="s">
        <v>722</v>
      </c>
      <c r="E20" s="56" t="s">
        <v>723</v>
      </c>
      <c r="F20" s="55" t="s">
        <v>724</v>
      </c>
      <c r="G20" s="56" t="s">
        <v>725</v>
      </c>
      <c r="H20" s="55" t="s">
        <v>726</v>
      </c>
      <c r="I20" s="56" t="s">
        <v>727</v>
      </c>
      <c r="J20" s="55" t="s">
        <v>728</v>
      </c>
      <c r="K20" s="56" t="s">
        <v>729</v>
      </c>
      <c r="L20" s="55" t="s">
        <v>730</v>
      </c>
      <c r="M20" s="341" t="s">
        <v>731</v>
      </c>
      <c r="N20" s="337"/>
    </row>
    <row r="21" spans="1:14" ht="13.5" customHeight="1" x14ac:dyDescent="0.15">
      <c r="A21" s="126"/>
      <c r="B21" s="127"/>
      <c r="C21" s="307"/>
      <c r="D21" s="307"/>
      <c r="E21" s="307"/>
      <c r="F21" s="307"/>
      <c r="G21" s="307"/>
      <c r="H21" s="307"/>
      <c r="I21" s="307"/>
      <c r="J21" s="307"/>
      <c r="K21" s="307"/>
      <c r="L21" s="307"/>
      <c r="M21" s="307"/>
      <c r="N21" s="307"/>
    </row>
    <row r="22" spans="1:14" ht="14.25" x14ac:dyDescent="0.15">
      <c r="A22" s="825" t="s">
        <v>576</v>
      </c>
      <c r="B22" s="329" t="s">
        <v>178</v>
      </c>
      <c r="C22" s="330" t="s">
        <v>179</v>
      </c>
      <c r="D22" s="330" t="s">
        <v>180</v>
      </c>
      <c r="E22" s="332" t="s">
        <v>181</v>
      </c>
      <c r="F22" s="330" t="s">
        <v>582</v>
      </c>
      <c r="G22" s="332" t="s">
        <v>183</v>
      </c>
      <c r="H22" s="330" t="s">
        <v>583</v>
      </c>
      <c r="I22" s="332" t="s">
        <v>185</v>
      </c>
      <c r="J22" s="330" t="s">
        <v>584</v>
      </c>
      <c r="K22" s="332" t="s">
        <v>186</v>
      </c>
      <c r="L22" s="331" t="s">
        <v>216</v>
      </c>
      <c r="M22" s="333" t="s">
        <v>732</v>
      </c>
      <c r="N22" s="334" t="s">
        <v>733</v>
      </c>
    </row>
    <row r="23" spans="1:14" ht="17.25" x14ac:dyDescent="0.15">
      <c r="A23" s="825"/>
      <c r="B23" s="336" t="s">
        <v>720</v>
      </c>
      <c r="C23" s="55" t="s">
        <v>54</v>
      </c>
      <c r="D23" s="55" t="s">
        <v>734</v>
      </c>
      <c r="E23" s="56" t="s">
        <v>735</v>
      </c>
      <c r="F23" s="55" t="s">
        <v>736</v>
      </c>
      <c r="G23" s="56" t="s">
        <v>737</v>
      </c>
      <c r="H23" s="55" t="s">
        <v>738</v>
      </c>
      <c r="I23" s="56" t="s">
        <v>739</v>
      </c>
      <c r="J23" s="55" t="s">
        <v>740</v>
      </c>
      <c r="K23" s="56" t="s">
        <v>741</v>
      </c>
      <c r="L23" s="148" t="s">
        <v>742</v>
      </c>
      <c r="M23" s="55" t="s">
        <v>743</v>
      </c>
      <c r="N23" s="341" t="s">
        <v>744</v>
      </c>
    </row>
    <row r="24" spans="1:14" ht="17.25" x14ac:dyDescent="0.15">
      <c r="A24" s="825"/>
      <c r="B24" s="336" t="s">
        <v>709</v>
      </c>
      <c r="C24" s="55" t="s">
        <v>745</v>
      </c>
      <c r="D24" s="55" t="s">
        <v>746</v>
      </c>
      <c r="E24" s="56" t="s">
        <v>747</v>
      </c>
      <c r="F24" s="55" t="s">
        <v>748</v>
      </c>
      <c r="G24" s="56" t="s">
        <v>749</v>
      </c>
      <c r="H24" s="55" t="s">
        <v>750</v>
      </c>
      <c r="I24" s="56" t="s">
        <v>751</v>
      </c>
      <c r="J24" s="55" t="s">
        <v>752</v>
      </c>
      <c r="K24" s="56" t="s">
        <v>753</v>
      </c>
      <c r="L24" s="148" t="s">
        <v>754</v>
      </c>
      <c r="M24" s="55" t="s">
        <v>755</v>
      </c>
      <c r="N24" s="55" t="s">
        <v>756</v>
      </c>
    </row>
    <row r="25" spans="1:14" ht="17.25" x14ac:dyDescent="0.15">
      <c r="A25" s="825"/>
      <c r="B25" s="336" t="s">
        <v>708</v>
      </c>
      <c r="C25" s="55" t="s">
        <v>757</v>
      </c>
      <c r="D25" s="55" t="s">
        <v>758</v>
      </c>
      <c r="E25" s="56" t="s">
        <v>759</v>
      </c>
      <c r="F25" s="55" t="s">
        <v>760</v>
      </c>
      <c r="G25" s="56" t="s">
        <v>761</v>
      </c>
      <c r="H25" s="55" t="s">
        <v>762</v>
      </c>
      <c r="I25" s="56" t="s">
        <v>763</v>
      </c>
      <c r="J25" s="55" t="s">
        <v>764</v>
      </c>
      <c r="K25" s="56" t="s">
        <v>765</v>
      </c>
      <c r="L25" s="148" t="s">
        <v>384</v>
      </c>
      <c r="M25" s="55" t="s">
        <v>766</v>
      </c>
      <c r="N25" s="55" t="s">
        <v>767</v>
      </c>
    </row>
    <row r="26" spans="1:14" ht="17.25" x14ac:dyDescent="0.15">
      <c r="A26" s="825"/>
      <c r="B26" s="336" t="s">
        <v>696</v>
      </c>
      <c r="C26" s="55" t="s">
        <v>757</v>
      </c>
      <c r="D26" s="55" t="s">
        <v>758</v>
      </c>
      <c r="E26" s="56" t="s">
        <v>759</v>
      </c>
      <c r="F26" s="55" t="s">
        <v>760</v>
      </c>
      <c r="G26" s="56" t="s">
        <v>761</v>
      </c>
      <c r="H26" s="55" t="s">
        <v>762</v>
      </c>
      <c r="I26" s="56" t="s">
        <v>763</v>
      </c>
      <c r="J26" s="55" t="s">
        <v>764</v>
      </c>
      <c r="K26" s="56" t="s">
        <v>765</v>
      </c>
      <c r="L26" s="148" t="s">
        <v>384</v>
      </c>
      <c r="M26" s="55" t="s">
        <v>766</v>
      </c>
      <c r="N26" s="55" t="s">
        <v>767</v>
      </c>
    </row>
    <row r="27" spans="1:14" ht="17.25" x14ac:dyDescent="0.15">
      <c r="A27" s="825"/>
      <c r="B27" s="340" t="s">
        <v>684</v>
      </c>
      <c r="C27" s="55" t="s">
        <v>768</v>
      </c>
      <c r="D27" s="55" t="s">
        <v>769</v>
      </c>
      <c r="E27" s="56" t="s">
        <v>770</v>
      </c>
      <c r="F27" s="55" t="s">
        <v>771</v>
      </c>
      <c r="G27" s="56" t="s">
        <v>772</v>
      </c>
      <c r="H27" s="55" t="s">
        <v>773</v>
      </c>
      <c r="I27" s="56" t="s">
        <v>774</v>
      </c>
      <c r="J27" s="55" t="s">
        <v>775</v>
      </c>
      <c r="K27" s="56" t="s">
        <v>776</v>
      </c>
      <c r="L27" s="148" t="s">
        <v>777</v>
      </c>
      <c r="M27" s="55" t="s">
        <v>778</v>
      </c>
      <c r="N27" s="55" t="s">
        <v>779</v>
      </c>
    </row>
    <row r="28" spans="1:14" ht="17.25" x14ac:dyDescent="0.15">
      <c r="A28" s="825"/>
      <c r="B28" s="340" t="s">
        <v>679</v>
      </c>
      <c r="C28" s="55" t="s">
        <v>19</v>
      </c>
      <c r="D28" s="55" t="s">
        <v>19</v>
      </c>
      <c r="E28" s="56" t="s">
        <v>780</v>
      </c>
      <c r="F28" s="55" t="s">
        <v>19</v>
      </c>
      <c r="G28" s="56" t="s">
        <v>781</v>
      </c>
      <c r="H28" s="55" t="s">
        <v>19</v>
      </c>
      <c r="I28" s="56" t="s">
        <v>782</v>
      </c>
      <c r="J28" s="55" t="s">
        <v>19</v>
      </c>
      <c r="K28" s="56" t="s">
        <v>783</v>
      </c>
      <c r="L28" s="148" t="s">
        <v>19</v>
      </c>
      <c r="M28" s="55" t="s">
        <v>19</v>
      </c>
      <c r="N28" s="55" t="s">
        <v>19</v>
      </c>
    </row>
    <row r="29" spans="1:14" ht="17.25" x14ac:dyDescent="0.15">
      <c r="A29" s="825"/>
      <c r="B29" s="336" t="s">
        <v>674</v>
      </c>
      <c r="C29" s="55" t="s">
        <v>19</v>
      </c>
      <c r="D29" s="55" t="s">
        <v>19</v>
      </c>
      <c r="E29" s="56" t="s">
        <v>784</v>
      </c>
      <c r="F29" s="55" t="s">
        <v>19</v>
      </c>
      <c r="G29" s="56" t="s">
        <v>785</v>
      </c>
      <c r="H29" s="55" t="s">
        <v>19</v>
      </c>
      <c r="I29" s="56" t="s">
        <v>786</v>
      </c>
      <c r="J29" s="55" t="s">
        <v>19</v>
      </c>
      <c r="K29" s="56" t="s">
        <v>787</v>
      </c>
      <c r="L29" s="148" t="s">
        <v>19</v>
      </c>
      <c r="M29" s="55" t="s">
        <v>19</v>
      </c>
      <c r="N29" s="55" t="s">
        <v>19</v>
      </c>
    </row>
    <row r="30" spans="1:14" ht="17.25" x14ac:dyDescent="0.15">
      <c r="A30" s="825"/>
      <c r="B30" s="336" t="s">
        <v>670</v>
      </c>
      <c r="C30" s="55" t="s">
        <v>19</v>
      </c>
      <c r="D30" s="55" t="s">
        <v>19</v>
      </c>
      <c r="E30" s="56" t="s">
        <v>788</v>
      </c>
      <c r="F30" s="55" t="s">
        <v>19</v>
      </c>
      <c r="G30" s="56" t="s">
        <v>789</v>
      </c>
      <c r="H30" s="55" t="s">
        <v>19</v>
      </c>
      <c r="I30" s="56" t="s">
        <v>790</v>
      </c>
      <c r="J30" s="55" t="s">
        <v>19</v>
      </c>
      <c r="K30" s="56" t="s">
        <v>791</v>
      </c>
      <c r="L30" s="148" t="s">
        <v>19</v>
      </c>
      <c r="M30" s="55" t="s">
        <v>19</v>
      </c>
      <c r="N30" s="55" t="s">
        <v>19</v>
      </c>
    </row>
    <row r="31" spans="1:14" ht="17.25" x14ac:dyDescent="0.15">
      <c r="A31" s="825"/>
      <c r="B31" s="338" t="s">
        <v>658</v>
      </c>
      <c r="C31" s="55" t="s">
        <v>792</v>
      </c>
      <c r="D31" s="55" t="s">
        <v>793</v>
      </c>
      <c r="E31" s="56" t="s">
        <v>794</v>
      </c>
      <c r="F31" s="55" t="s">
        <v>795</v>
      </c>
      <c r="G31" s="56" t="s">
        <v>796</v>
      </c>
      <c r="H31" s="55" t="s">
        <v>797</v>
      </c>
      <c r="I31" s="56" t="s">
        <v>798</v>
      </c>
      <c r="J31" s="55" t="s">
        <v>799</v>
      </c>
      <c r="K31" s="56" t="s">
        <v>800</v>
      </c>
      <c r="L31" s="148" t="s">
        <v>801</v>
      </c>
      <c r="M31" s="55" t="s">
        <v>802</v>
      </c>
      <c r="N31" s="55" t="s">
        <v>803</v>
      </c>
    </row>
    <row r="32" spans="1:14" ht="17.25" x14ac:dyDescent="0.15">
      <c r="A32" s="825"/>
      <c r="B32" s="336" t="s">
        <v>647</v>
      </c>
      <c r="C32" s="55" t="s">
        <v>804</v>
      </c>
      <c r="D32" s="55" t="s">
        <v>805</v>
      </c>
      <c r="E32" s="56" t="s">
        <v>806</v>
      </c>
      <c r="F32" s="55" t="s">
        <v>807</v>
      </c>
      <c r="G32" s="56" t="s">
        <v>808</v>
      </c>
      <c r="H32" s="55" t="s">
        <v>809</v>
      </c>
      <c r="I32" s="56" t="s">
        <v>810</v>
      </c>
      <c r="J32" s="55" t="s">
        <v>811</v>
      </c>
      <c r="K32" s="56" t="s">
        <v>812</v>
      </c>
      <c r="L32" s="148" t="s">
        <v>813</v>
      </c>
      <c r="M32" s="55" t="s">
        <v>814</v>
      </c>
      <c r="N32" s="55" t="s">
        <v>815</v>
      </c>
    </row>
    <row r="33" spans="1:14" ht="17.25" x14ac:dyDescent="0.15">
      <c r="A33" s="825"/>
      <c r="B33" s="336" t="s">
        <v>892</v>
      </c>
      <c r="C33" s="55" t="s">
        <v>577</v>
      </c>
      <c r="D33" s="55" t="s">
        <v>577</v>
      </c>
      <c r="E33" s="56" t="s">
        <v>577</v>
      </c>
      <c r="F33" s="55" t="s">
        <v>577</v>
      </c>
      <c r="G33" s="56" t="s">
        <v>577</v>
      </c>
      <c r="H33" s="55">
        <v>0.53749999999999998</v>
      </c>
      <c r="I33" s="56">
        <v>0.57916666666666605</v>
      </c>
      <c r="J33" s="55">
        <v>0.62083333333333302</v>
      </c>
      <c r="K33" s="56">
        <v>0.66249999999999998</v>
      </c>
      <c r="L33" s="148">
        <v>0.70416666666666605</v>
      </c>
      <c r="M33" s="55">
        <v>0.74583333333333302</v>
      </c>
      <c r="N33" s="55">
        <v>0.77361111111111114</v>
      </c>
    </row>
    <row r="34" spans="1:14" ht="17.25" x14ac:dyDescent="0.15">
      <c r="A34" s="825"/>
      <c r="B34" s="336" t="s">
        <v>567</v>
      </c>
      <c r="C34" s="55">
        <v>0.30902777777777779</v>
      </c>
      <c r="D34" s="55">
        <v>0.37152777777777773</v>
      </c>
      <c r="E34" s="56">
        <v>0.41319444444444442</v>
      </c>
      <c r="F34" s="55">
        <v>0.45486111111111099</v>
      </c>
      <c r="G34" s="56">
        <v>0.49652777777777801</v>
      </c>
      <c r="H34" s="55">
        <v>0.53958333333333397</v>
      </c>
      <c r="I34" s="56">
        <v>0.58125000000000004</v>
      </c>
      <c r="J34" s="55">
        <v>0.62291666666666701</v>
      </c>
      <c r="K34" s="56">
        <v>0.66458333333333397</v>
      </c>
      <c r="L34" s="148">
        <v>0.70625000000000004</v>
      </c>
      <c r="M34" s="55">
        <v>0.74791666666666701</v>
      </c>
      <c r="N34" s="55">
        <v>0.77569444444444446</v>
      </c>
    </row>
    <row r="35" spans="1:14" ht="17.25" x14ac:dyDescent="0.15">
      <c r="A35" s="825"/>
      <c r="B35" s="336" t="s">
        <v>635</v>
      </c>
      <c r="C35" s="55" t="s">
        <v>816</v>
      </c>
      <c r="D35" s="55">
        <v>0.37222222222222223</v>
      </c>
      <c r="E35" s="56">
        <v>0.41388888888888892</v>
      </c>
      <c r="F35" s="55">
        <v>0.45555555555555599</v>
      </c>
      <c r="G35" s="56">
        <v>0.49722222222222201</v>
      </c>
      <c r="H35" s="55">
        <v>0.54027777777777797</v>
      </c>
      <c r="I35" s="56">
        <v>0.58194444444444404</v>
      </c>
      <c r="J35" s="55">
        <v>0.62361111111111101</v>
      </c>
      <c r="K35" s="56">
        <v>0.66527777777777797</v>
      </c>
      <c r="L35" s="148">
        <v>0.70694444444444404</v>
      </c>
      <c r="M35" s="55">
        <v>0.74861111111111101</v>
      </c>
      <c r="N35" s="55">
        <v>0.77638888888888891</v>
      </c>
    </row>
    <row r="36" spans="1:14" ht="17.25" x14ac:dyDescent="0.15">
      <c r="A36" s="825"/>
      <c r="B36" s="336" t="s">
        <v>623</v>
      </c>
      <c r="C36" s="55" t="s">
        <v>817</v>
      </c>
      <c r="D36" s="55">
        <v>0.37291666666666662</v>
      </c>
      <c r="E36" s="56">
        <v>0.4145833333333333</v>
      </c>
      <c r="F36" s="55">
        <v>0.45624999999999999</v>
      </c>
      <c r="G36" s="56">
        <v>0.49791666666666701</v>
      </c>
      <c r="H36" s="55">
        <v>0.54097222222222296</v>
      </c>
      <c r="I36" s="56">
        <v>0.58263888888888804</v>
      </c>
      <c r="J36" s="55">
        <v>0.624305555555555</v>
      </c>
      <c r="K36" s="56">
        <v>0.66597222222222296</v>
      </c>
      <c r="L36" s="148">
        <v>0.70763888888888804</v>
      </c>
      <c r="M36" s="55">
        <v>0.749305555555555</v>
      </c>
      <c r="N36" s="55">
        <v>0.77708333333333324</v>
      </c>
    </row>
    <row r="37" spans="1:14" ht="17.25" x14ac:dyDescent="0.15">
      <c r="A37" s="825"/>
      <c r="B37" s="336" t="s">
        <v>621</v>
      </c>
      <c r="C37" s="55" t="s">
        <v>818</v>
      </c>
      <c r="D37" s="55">
        <v>0.37361111111111112</v>
      </c>
      <c r="E37" s="56">
        <v>0.4152777777777778</v>
      </c>
      <c r="F37" s="55">
        <v>0.45694444444444399</v>
      </c>
      <c r="G37" s="56">
        <v>0.49861111111111101</v>
      </c>
      <c r="H37" s="55">
        <v>0.54166666666666696</v>
      </c>
      <c r="I37" s="56">
        <v>0.58333333333333304</v>
      </c>
      <c r="J37" s="55">
        <v>0.625</v>
      </c>
      <c r="K37" s="56">
        <v>0.66666666666666696</v>
      </c>
      <c r="L37" s="148">
        <v>0.70833333333333304</v>
      </c>
      <c r="M37" s="55">
        <v>0.75</v>
      </c>
      <c r="N37" s="55">
        <v>0.77777777777777779</v>
      </c>
    </row>
    <row r="38" spans="1:14" ht="17.25" x14ac:dyDescent="0.15">
      <c r="A38" s="825"/>
      <c r="B38" s="336" t="s">
        <v>610</v>
      </c>
      <c r="C38" s="55" t="s">
        <v>818</v>
      </c>
      <c r="D38" s="55">
        <v>0.37361111111111112</v>
      </c>
      <c r="E38" s="56">
        <v>0.4152777777777778</v>
      </c>
      <c r="F38" s="55">
        <v>0.45694444444444399</v>
      </c>
      <c r="G38" s="56">
        <v>0.49861111111111101</v>
      </c>
      <c r="H38" s="55">
        <v>0.54166666666666696</v>
      </c>
      <c r="I38" s="56">
        <v>0.58333333333333304</v>
      </c>
      <c r="J38" s="55">
        <v>0.625</v>
      </c>
      <c r="K38" s="56">
        <v>0.66666666666666696</v>
      </c>
      <c r="L38" s="148">
        <v>0.70833333333333304</v>
      </c>
      <c r="M38" s="55">
        <v>0.75</v>
      </c>
      <c r="N38" s="55">
        <v>0.77777777777777779</v>
      </c>
    </row>
    <row r="39" spans="1:14" ht="17.25" x14ac:dyDescent="0.15">
      <c r="A39" s="825"/>
      <c r="B39" s="336" t="s">
        <v>598</v>
      </c>
      <c r="C39" s="55" t="s">
        <v>819</v>
      </c>
      <c r="D39" s="55">
        <v>0.3743055555555555</v>
      </c>
      <c r="E39" s="56">
        <v>0.41597222222222219</v>
      </c>
      <c r="F39" s="55">
        <v>0.45763888888888898</v>
      </c>
      <c r="G39" s="56">
        <v>0.499305555555556</v>
      </c>
      <c r="H39" s="55">
        <v>0.54236111111111196</v>
      </c>
      <c r="I39" s="56">
        <v>0.58402777777777704</v>
      </c>
      <c r="J39" s="55">
        <v>0.625694444444445</v>
      </c>
      <c r="K39" s="56">
        <v>0.66736111111111096</v>
      </c>
      <c r="L39" s="148">
        <v>0.70902777777777704</v>
      </c>
      <c r="M39" s="55">
        <v>0.750694444444445</v>
      </c>
      <c r="N39" s="55">
        <v>0.77847222222222223</v>
      </c>
    </row>
    <row r="40" spans="1:14" ht="17.25" x14ac:dyDescent="0.15">
      <c r="A40" s="825"/>
      <c r="B40" s="336" t="s">
        <v>586</v>
      </c>
      <c r="C40" s="55" t="s">
        <v>820</v>
      </c>
      <c r="D40" s="55">
        <v>0.375</v>
      </c>
      <c r="E40" s="56">
        <v>0.41666666666666669</v>
      </c>
      <c r="F40" s="55">
        <v>0.45833333333333298</v>
      </c>
      <c r="G40" s="56">
        <v>0.5</v>
      </c>
      <c r="H40" s="55">
        <v>0.54305555555555596</v>
      </c>
      <c r="I40" s="56">
        <v>0.58472222222222203</v>
      </c>
      <c r="J40" s="55">
        <v>0.62638888888888899</v>
      </c>
      <c r="K40" s="56">
        <v>0.66805555555555596</v>
      </c>
      <c r="L40" s="148">
        <v>0.70972222222222203</v>
      </c>
      <c r="M40" s="55">
        <v>0.75138888888888899</v>
      </c>
      <c r="N40" s="55">
        <v>0.77916666666666667</v>
      </c>
    </row>
    <row r="41" spans="1:14" ht="10.5" customHeight="1" x14ac:dyDescent="0.15">
      <c r="A41" s="342"/>
      <c r="B41" s="127"/>
      <c r="C41" s="129"/>
      <c r="D41" s="129"/>
      <c r="E41" s="129"/>
      <c r="F41" s="129"/>
      <c r="G41" s="129"/>
      <c r="H41" s="129"/>
      <c r="I41" s="129"/>
      <c r="J41" s="129"/>
      <c r="K41" s="129"/>
      <c r="L41" s="129"/>
      <c r="M41" s="129"/>
      <c r="N41" s="129"/>
    </row>
    <row r="42" spans="1:14" ht="14.25" x14ac:dyDescent="0.15">
      <c r="A42" s="343"/>
      <c r="B42" s="130" t="s">
        <v>578</v>
      </c>
      <c r="C42" s="125"/>
      <c r="D42" s="344"/>
      <c r="E42" s="345"/>
      <c r="G42" s="345"/>
      <c r="H42" s="346"/>
      <c r="I42" s="345"/>
      <c r="J42" s="347"/>
      <c r="L42" s="345"/>
      <c r="M42" s="345"/>
      <c r="N42" s="345"/>
    </row>
    <row r="43" spans="1:14" ht="5.25" customHeight="1" x14ac:dyDescent="0.15">
      <c r="B43" s="348"/>
      <c r="C43" s="125"/>
      <c r="D43" s="125"/>
      <c r="E43" s="345"/>
      <c r="F43" s="345"/>
      <c r="G43" s="345"/>
      <c r="H43" s="345"/>
      <c r="I43" s="345"/>
      <c r="J43" s="345"/>
      <c r="K43" s="345"/>
      <c r="L43" s="345"/>
      <c r="M43" s="345"/>
      <c r="N43" s="345"/>
    </row>
    <row r="44" spans="1:14" ht="18" customHeight="1" x14ac:dyDescent="0.15">
      <c r="A44" s="344" t="s">
        <v>821</v>
      </c>
      <c r="B44" s="127"/>
      <c r="C44" s="335"/>
      <c r="D44" s="335"/>
      <c r="E44" s="349"/>
      <c r="F44" s="349"/>
      <c r="G44" s="349"/>
      <c r="H44" s="349"/>
      <c r="I44" s="349"/>
      <c r="J44" s="344"/>
      <c r="L44" s="349"/>
      <c r="M44" s="349"/>
      <c r="N44" s="349"/>
    </row>
    <row r="45" spans="1:14" ht="18" customHeight="1" x14ac:dyDescent="0.15">
      <c r="A45" s="350" t="s">
        <v>822</v>
      </c>
      <c r="B45" s="127"/>
      <c r="C45" s="335"/>
      <c r="D45" s="335"/>
      <c r="E45" s="349"/>
      <c r="F45" s="349"/>
      <c r="G45" s="349"/>
      <c r="H45" s="349"/>
      <c r="I45" s="349"/>
      <c r="J45" s="344"/>
      <c r="L45" s="349"/>
      <c r="M45" s="349"/>
      <c r="N45" s="349"/>
    </row>
    <row r="46" spans="1:14" ht="18" customHeight="1" x14ac:dyDescent="0.15">
      <c r="A46" s="344" t="s">
        <v>823</v>
      </c>
      <c r="B46" s="127"/>
      <c r="C46" s="335"/>
      <c r="D46" s="335"/>
      <c r="E46" s="349"/>
      <c r="F46" s="349"/>
      <c r="G46" s="349"/>
      <c r="H46" s="349"/>
      <c r="I46" s="349"/>
      <c r="J46" s="344"/>
      <c r="L46" s="349"/>
      <c r="M46" s="349"/>
      <c r="N46" s="349"/>
    </row>
  </sheetData>
  <mergeCells count="3">
    <mergeCell ref="B1:N1"/>
    <mergeCell ref="A3:A20"/>
    <mergeCell ref="A22:A40"/>
  </mergeCells>
  <phoneticPr fontId="3"/>
  <pageMargins left="0.70866141732283472" right="0" top="0.59055118110236227" bottom="0" header="0" footer="0"/>
  <pageSetup paperSize="9" scale="76" orientation="landscape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5"/>
  <sheetViews>
    <sheetView view="pageBreakPreview" zoomScaleNormal="100" zoomScaleSheetLayoutView="100" workbookViewId="0">
      <selection activeCell="G4" sqref="G4"/>
    </sheetView>
  </sheetViews>
  <sheetFormatPr defaultColWidth="7.625" defaultRowHeight="13.5" x14ac:dyDescent="0.15"/>
  <cols>
    <col min="1" max="1" width="3.625" style="186" customWidth="1"/>
    <col min="2" max="2" width="25.625" style="186" customWidth="1"/>
    <col min="3" max="7" width="7.625" style="186" customWidth="1"/>
    <col min="8" max="8" width="5.625" style="186" customWidth="1"/>
    <col min="9" max="9" width="3.625" style="186" customWidth="1"/>
    <col min="10" max="10" width="25.625" style="186" customWidth="1"/>
    <col min="11" max="16384" width="7.625" style="186"/>
  </cols>
  <sheetData>
    <row r="1" spans="1:14" ht="24.95" customHeight="1" x14ac:dyDescent="0.15">
      <c r="A1" s="351"/>
      <c r="B1" s="827" t="s">
        <v>824</v>
      </c>
      <c r="C1" s="824"/>
      <c r="D1" s="824"/>
      <c r="E1" s="824"/>
      <c r="F1" s="824"/>
      <c r="G1" s="824"/>
      <c r="H1" s="824"/>
      <c r="I1" s="824"/>
      <c r="J1" s="824"/>
      <c r="K1" s="824"/>
      <c r="L1" s="824"/>
      <c r="M1" s="824"/>
      <c r="N1" s="824"/>
    </row>
    <row r="2" spans="1:14" ht="5.0999999999999996" customHeight="1" thickBot="1" x14ac:dyDescent="0.2"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  <c r="M2" s="187"/>
      <c r="N2" s="187"/>
    </row>
    <row r="3" spans="1:14" ht="15" customHeight="1" thickBot="1" x14ac:dyDescent="0.2">
      <c r="A3" s="828" t="s">
        <v>275</v>
      </c>
      <c r="B3" s="352" t="s">
        <v>1</v>
      </c>
      <c r="C3" s="353" t="s">
        <v>2</v>
      </c>
      <c r="D3" s="354" t="s">
        <v>3</v>
      </c>
      <c r="E3" s="354" t="s">
        <v>4</v>
      </c>
      <c r="F3" s="355" t="s">
        <v>5</v>
      </c>
      <c r="G3" s="356" t="s">
        <v>6</v>
      </c>
      <c r="H3" s="187"/>
      <c r="I3" s="828" t="s">
        <v>120</v>
      </c>
      <c r="J3" s="352" t="s">
        <v>1</v>
      </c>
      <c r="K3" s="357" t="s">
        <v>2</v>
      </c>
      <c r="L3" s="354" t="s">
        <v>3</v>
      </c>
      <c r="M3" s="354" t="s">
        <v>4</v>
      </c>
      <c r="N3" s="358" t="s">
        <v>5</v>
      </c>
    </row>
    <row r="4" spans="1:14" ht="15" customHeight="1" thickTop="1" x14ac:dyDescent="0.15">
      <c r="A4" s="829"/>
      <c r="B4" s="359" t="s">
        <v>100</v>
      </c>
      <c r="C4" s="360">
        <v>0.3347222222222222</v>
      </c>
      <c r="D4" s="250">
        <v>0.46388888888888885</v>
      </c>
      <c r="E4" s="250">
        <v>0.5847222222222217</v>
      </c>
      <c r="F4" s="361">
        <v>0.71736111111111101</v>
      </c>
      <c r="G4" s="362">
        <v>0.77777777777777779</v>
      </c>
      <c r="H4" s="187"/>
      <c r="I4" s="829"/>
      <c r="J4" s="363" t="s">
        <v>825</v>
      </c>
      <c r="K4" s="364" t="s">
        <v>54</v>
      </c>
      <c r="L4" s="250" t="s">
        <v>54</v>
      </c>
      <c r="M4" s="250">
        <v>0.4909722222222222</v>
      </c>
      <c r="N4" s="365">
        <v>0.61388888888888882</v>
      </c>
    </row>
    <row r="5" spans="1:14" ht="15" customHeight="1" x14ac:dyDescent="0.15">
      <c r="A5" s="829"/>
      <c r="B5" s="366" t="s">
        <v>826</v>
      </c>
      <c r="C5" s="86" t="s">
        <v>21</v>
      </c>
      <c r="D5" s="12" t="s">
        <v>21</v>
      </c>
      <c r="E5" s="12" t="s">
        <v>21</v>
      </c>
      <c r="F5" s="367">
        <v>0.72013888888888877</v>
      </c>
      <c r="G5" s="368">
        <v>0.78055555555555556</v>
      </c>
      <c r="H5" s="187"/>
      <c r="I5" s="829"/>
      <c r="J5" s="369" t="s">
        <v>231</v>
      </c>
      <c r="K5" s="370" t="s">
        <v>54</v>
      </c>
      <c r="L5" s="12" t="s">
        <v>54</v>
      </c>
      <c r="M5" s="12">
        <v>0.49236111111111108</v>
      </c>
      <c r="N5" s="371">
        <v>0.61527777777777781</v>
      </c>
    </row>
    <row r="6" spans="1:14" ht="15" customHeight="1" x14ac:dyDescent="0.15">
      <c r="A6" s="829"/>
      <c r="B6" s="366" t="s">
        <v>98</v>
      </c>
      <c r="C6" s="86">
        <v>0.33750000000000002</v>
      </c>
      <c r="D6" s="12">
        <v>0.46666666666666662</v>
      </c>
      <c r="E6" s="12">
        <v>0.58749999999999947</v>
      </c>
      <c r="F6" s="367">
        <v>0.72291666666666654</v>
      </c>
      <c r="G6" s="368">
        <v>0.78333333333333333</v>
      </c>
      <c r="H6" s="187"/>
      <c r="I6" s="829"/>
      <c r="J6" s="369" t="s">
        <v>827</v>
      </c>
      <c r="K6" s="370" t="s">
        <v>54</v>
      </c>
      <c r="L6" s="12" t="s">
        <v>54</v>
      </c>
      <c r="M6" s="12">
        <v>0.49305555555555558</v>
      </c>
      <c r="N6" s="371">
        <v>0.61597222222222225</v>
      </c>
    </row>
    <row r="7" spans="1:14" ht="15" customHeight="1" x14ac:dyDescent="0.15">
      <c r="A7" s="829"/>
      <c r="B7" s="372" t="s">
        <v>828</v>
      </c>
      <c r="C7" s="86">
        <v>0.33819444444444441</v>
      </c>
      <c r="D7" s="12">
        <v>0.46736111111111112</v>
      </c>
      <c r="E7" s="12">
        <v>0.58819444444444391</v>
      </c>
      <c r="F7" s="367">
        <v>0.72361111111111098</v>
      </c>
      <c r="G7" s="368">
        <v>0.78402777777777777</v>
      </c>
      <c r="H7" s="187"/>
      <c r="I7" s="829"/>
      <c r="J7" s="369" t="s">
        <v>219</v>
      </c>
      <c r="K7" s="370">
        <v>0.30555555555555552</v>
      </c>
      <c r="L7" s="12">
        <v>0.36805555555555547</v>
      </c>
      <c r="M7" s="12">
        <v>0.49374999999999997</v>
      </c>
      <c r="N7" s="371">
        <v>0.6166666666666667</v>
      </c>
    </row>
    <row r="8" spans="1:14" ht="15" customHeight="1" x14ac:dyDescent="0.15">
      <c r="A8" s="830"/>
      <c r="B8" s="373" t="s">
        <v>829</v>
      </c>
      <c r="C8" s="86">
        <v>0.33819444444444441</v>
      </c>
      <c r="D8" s="12">
        <v>0.46736111111111112</v>
      </c>
      <c r="E8" s="12">
        <v>0.58819444444444391</v>
      </c>
      <c r="F8" s="367">
        <v>0.72361111111111098</v>
      </c>
      <c r="G8" s="368">
        <v>0.78402777777777777</v>
      </c>
      <c r="H8" s="187"/>
      <c r="I8" s="829"/>
      <c r="J8" s="369" t="s">
        <v>221</v>
      </c>
      <c r="K8" s="370">
        <v>0.30694444444444441</v>
      </c>
      <c r="L8" s="12">
        <v>0.36944444444444435</v>
      </c>
      <c r="M8" s="12">
        <v>0.49513888888888885</v>
      </c>
      <c r="N8" s="371">
        <v>0.61805555555555558</v>
      </c>
    </row>
    <row r="9" spans="1:14" ht="15" customHeight="1" x14ac:dyDescent="0.15">
      <c r="A9" s="829"/>
      <c r="B9" s="363" t="s">
        <v>830</v>
      </c>
      <c r="C9" s="86">
        <v>0.33888888888888885</v>
      </c>
      <c r="D9" s="12">
        <v>0.4680555555555555</v>
      </c>
      <c r="E9" s="12">
        <v>0.58888888888888835</v>
      </c>
      <c r="F9" s="367">
        <v>0.72430555555555542</v>
      </c>
      <c r="G9" s="368">
        <v>0.78472222222222221</v>
      </c>
      <c r="H9" s="187"/>
      <c r="I9" s="829"/>
      <c r="J9" s="369" t="s">
        <v>831</v>
      </c>
      <c r="K9" s="370">
        <v>0.30763888888888885</v>
      </c>
      <c r="L9" s="12">
        <v>0.3701388888888888</v>
      </c>
      <c r="M9" s="12">
        <v>0.49583333333333335</v>
      </c>
      <c r="N9" s="371">
        <v>0.61875000000000002</v>
      </c>
    </row>
    <row r="10" spans="1:14" ht="15" customHeight="1" x14ac:dyDescent="0.15">
      <c r="A10" s="829"/>
      <c r="B10" s="369" t="s">
        <v>832</v>
      </c>
      <c r="C10" s="86">
        <v>0.33958333333333329</v>
      </c>
      <c r="D10" s="12">
        <v>0.46875</v>
      </c>
      <c r="E10" s="12">
        <v>0.58958333333333279</v>
      </c>
      <c r="F10" s="367">
        <v>0.72499999999999998</v>
      </c>
      <c r="G10" s="368">
        <v>0.78541666666666676</v>
      </c>
      <c r="H10" s="187"/>
      <c r="I10" s="829"/>
      <c r="J10" s="369" t="s">
        <v>833</v>
      </c>
      <c r="K10" s="370">
        <v>0.30902777777777773</v>
      </c>
      <c r="L10" s="12">
        <v>0.37152777777777768</v>
      </c>
      <c r="M10" s="12">
        <v>0.49722222222222223</v>
      </c>
      <c r="N10" s="371">
        <v>0.62013888888888891</v>
      </c>
    </row>
    <row r="11" spans="1:14" ht="15" customHeight="1" x14ac:dyDescent="0.15">
      <c r="A11" s="829"/>
      <c r="B11" s="369" t="s">
        <v>834</v>
      </c>
      <c r="C11" s="86">
        <v>0.34027777777777773</v>
      </c>
      <c r="D11" s="12">
        <v>0.4694444444444445</v>
      </c>
      <c r="E11" s="12">
        <v>0.59027777777777724</v>
      </c>
      <c r="F11" s="367">
        <v>0.72569444444444431</v>
      </c>
      <c r="G11" s="368">
        <v>0.78611111111111109</v>
      </c>
      <c r="H11" s="187"/>
      <c r="I11" s="829"/>
      <c r="J11" s="369" t="s">
        <v>835</v>
      </c>
      <c r="K11" s="370">
        <v>0.31041666666666662</v>
      </c>
      <c r="L11" s="12">
        <v>0.37291666666666656</v>
      </c>
      <c r="M11" s="12">
        <v>0.49861111111111112</v>
      </c>
      <c r="N11" s="371">
        <v>0.62152777777777779</v>
      </c>
    </row>
    <row r="12" spans="1:14" ht="15" customHeight="1" x14ac:dyDescent="0.15">
      <c r="A12" s="829"/>
      <c r="B12" s="369" t="s">
        <v>836</v>
      </c>
      <c r="C12" s="86">
        <v>0.34097222222222218</v>
      </c>
      <c r="D12" s="12">
        <v>0.47013888888888888</v>
      </c>
      <c r="E12" s="12">
        <v>0.59097222222222168</v>
      </c>
      <c r="F12" s="367">
        <v>0.72638888888888875</v>
      </c>
      <c r="G12" s="368">
        <v>0.78680555555555554</v>
      </c>
      <c r="H12" s="187"/>
      <c r="I12" s="829"/>
      <c r="J12" s="369" t="s">
        <v>837</v>
      </c>
      <c r="K12" s="370">
        <v>0.3118055555555555</v>
      </c>
      <c r="L12" s="12">
        <v>0.37430555555555545</v>
      </c>
      <c r="M12" s="12">
        <v>0.5</v>
      </c>
      <c r="N12" s="371">
        <v>0.62291666666666667</v>
      </c>
    </row>
    <row r="13" spans="1:14" ht="15" customHeight="1" x14ac:dyDescent="0.15">
      <c r="A13" s="829"/>
      <c r="B13" s="369" t="s">
        <v>838</v>
      </c>
      <c r="C13" s="86">
        <v>0.34236111111111106</v>
      </c>
      <c r="D13" s="12">
        <v>0.47152777777777777</v>
      </c>
      <c r="E13" s="12">
        <v>0.59236111111111056</v>
      </c>
      <c r="F13" s="367">
        <v>0.72777777777777763</v>
      </c>
      <c r="G13" s="368">
        <v>0.78819444444444453</v>
      </c>
      <c r="H13" s="187"/>
      <c r="I13" s="829"/>
      <c r="J13" s="369" t="s">
        <v>367</v>
      </c>
      <c r="K13" s="370">
        <v>0.3125</v>
      </c>
      <c r="L13" s="12">
        <v>0.375</v>
      </c>
      <c r="M13" s="12">
        <v>0.50069444444444444</v>
      </c>
      <c r="N13" s="371">
        <v>0.62361111111111112</v>
      </c>
    </row>
    <row r="14" spans="1:14" ht="15" customHeight="1" x14ac:dyDescent="0.15">
      <c r="A14" s="829"/>
      <c r="B14" s="369" t="s">
        <v>839</v>
      </c>
      <c r="C14" s="86">
        <v>0.3430555555555555</v>
      </c>
      <c r="D14" s="12">
        <v>0.47222222222222227</v>
      </c>
      <c r="E14" s="12">
        <v>0.593055555555555</v>
      </c>
      <c r="F14" s="367">
        <v>0.72847222222222208</v>
      </c>
      <c r="G14" s="368">
        <v>0.78888888888888886</v>
      </c>
      <c r="H14" s="187"/>
      <c r="I14" s="829"/>
      <c r="J14" s="372" t="s">
        <v>840</v>
      </c>
      <c r="K14" s="370">
        <v>0.31458333333333333</v>
      </c>
      <c r="L14" s="12">
        <v>0.37708333333333338</v>
      </c>
      <c r="M14" s="12">
        <v>0.50277777777777777</v>
      </c>
      <c r="N14" s="371">
        <v>0.62569444444444444</v>
      </c>
    </row>
    <row r="15" spans="1:14" ht="15" customHeight="1" x14ac:dyDescent="0.15">
      <c r="A15" s="829"/>
      <c r="B15" s="366" t="s">
        <v>841</v>
      </c>
      <c r="C15" s="86">
        <v>0.34375</v>
      </c>
      <c r="D15" s="12">
        <v>0.47291666666666665</v>
      </c>
      <c r="E15" s="12">
        <v>0.59374999999999944</v>
      </c>
      <c r="F15" s="367">
        <v>0.72916666666666652</v>
      </c>
      <c r="G15" s="368">
        <v>0.7895833333333333</v>
      </c>
      <c r="H15" s="187"/>
      <c r="I15" s="830"/>
      <c r="J15" s="373" t="s">
        <v>293</v>
      </c>
      <c r="K15" s="370">
        <v>0.31527777777777771</v>
      </c>
      <c r="L15" s="12">
        <v>0.37777777777777766</v>
      </c>
      <c r="M15" s="12">
        <v>0.50347222222222221</v>
      </c>
      <c r="N15" s="371">
        <v>0.62638888888888888</v>
      </c>
    </row>
    <row r="16" spans="1:14" ht="15" customHeight="1" x14ac:dyDescent="0.15">
      <c r="A16" s="829"/>
      <c r="B16" s="369" t="s">
        <v>842</v>
      </c>
      <c r="C16" s="86">
        <v>0.34513888888888883</v>
      </c>
      <c r="D16" s="12">
        <v>0.47430555555555554</v>
      </c>
      <c r="E16" s="12">
        <v>0.59513888888888833</v>
      </c>
      <c r="F16" s="367">
        <v>0.7305555555555554</v>
      </c>
      <c r="G16" s="368">
        <v>0.7909722222222223</v>
      </c>
      <c r="H16" s="187"/>
      <c r="I16" s="830"/>
      <c r="J16" s="373" t="s">
        <v>363</v>
      </c>
      <c r="K16" s="370">
        <v>0.31597222222222215</v>
      </c>
      <c r="L16" s="12">
        <v>0.3784722222222221</v>
      </c>
      <c r="M16" s="12">
        <v>0.50416666666666665</v>
      </c>
      <c r="N16" s="371">
        <v>0.62708333333333333</v>
      </c>
    </row>
    <row r="17" spans="1:14" ht="15" customHeight="1" x14ac:dyDescent="0.15">
      <c r="A17" s="829"/>
      <c r="B17" s="369" t="s">
        <v>843</v>
      </c>
      <c r="C17" s="86">
        <v>0.34513888888888883</v>
      </c>
      <c r="D17" s="12">
        <v>0.47430555555555554</v>
      </c>
      <c r="E17" s="12">
        <v>0.59513888888888833</v>
      </c>
      <c r="F17" s="367">
        <v>0.7305555555555554</v>
      </c>
      <c r="G17" s="368">
        <v>0.7909722222222223</v>
      </c>
      <c r="H17" s="187"/>
      <c r="I17" s="829"/>
      <c r="J17" s="363" t="s">
        <v>362</v>
      </c>
      <c r="K17" s="370">
        <v>0.3166666666666666</v>
      </c>
      <c r="L17" s="12">
        <v>0.37916666666666654</v>
      </c>
      <c r="M17" s="12">
        <v>0.50486111111111109</v>
      </c>
      <c r="N17" s="371">
        <v>0.62777777777777777</v>
      </c>
    </row>
    <row r="18" spans="1:14" ht="15" customHeight="1" x14ac:dyDescent="0.15">
      <c r="A18" s="829"/>
      <c r="B18" s="369" t="s">
        <v>844</v>
      </c>
      <c r="C18" s="86">
        <v>0.34583333333333327</v>
      </c>
      <c r="D18" s="12">
        <v>0.47500000000000003</v>
      </c>
      <c r="E18" s="12">
        <v>0.59583333333333277</v>
      </c>
      <c r="F18" s="367">
        <v>0.73124999999999996</v>
      </c>
      <c r="G18" s="368">
        <v>0.79166666666666663</v>
      </c>
      <c r="H18" s="187"/>
      <c r="I18" s="829"/>
      <c r="J18" s="369" t="s">
        <v>845</v>
      </c>
      <c r="K18" s="370">
        <v>0.31736111111111104</v>
      </c>
      <c r="L18" s="12">
        <v>0.37986111111111098</v>
      </c>
      <c r="M18" s="12">
        <v>0.50555555555555554</v>
      </c>
      <c r="N18" s="371">
        <v>0.62847222222222221</v>
      </c>
    </row>
    <row r="19" spans="1:14" ht="15" customHeight="1" x14ac:dyDescent="0.15">
      <c r="A19" s="829"/>
      <c r="B19" s="369" t="s">
        <v>846</v>
      </c>
      <c r="C19" s="86" t="s">
        <v>21</v>
      </c>
      <c r="D19" s="12" t="s">
        <v>21</v>
      </c>
      <c r="E19" s="12">
        <v>0.59791666666666665</v>
      </c>
      <c r="F19" s="367" t="s">
        <v>21</v>
      </c>
      <c r="G19" s="368" t="s">
        <v>21</v>
      </c>
      <c r="H19" s="187"/>
      <c r="I19" s="829"/>
      <c r="J19" s="369" t="s">
        <v>359</v>
      </c>
      <c r="K19" s="370">
        <v>0.31736111111111104</v>
      </c>
      <c r="L19" s="12">
        <v>0.37986111111111098</v>
      </c>
      <c r="M19" s="12">
        <v>0.50555555555555554</v>
      </c>
      <c r="N19" s="371">
        <v>0.62847222222222221</v>
      </c>
    </row>
    <row r="20" spans="1:14" ht="15" customHeight="1" x14ac:dyDescent="0.15">
      <c r="A20" s="829"/>
      <c r="B20" s="369" t="s">
        <v>847</v>
      </c>
      <c r="C20" s="86">
        <v>0.34652777777777771</v>
      </c>
      <c r="D20" s="12">
        <v>0.47569444444444442</v>
      </c>
      <c r="E20" s="12">
        <v>0.59861111111111054</v>
      </c>
      <c r="F20" s="367">
        <v>0.73194444444444429</v>
      </c>
      <c r="G20" s="368">
        <v>0.79236111111111107</v>
      </c>
      <c r="H20" s="187"/>
      <c r="I20" s="829"/>
      <c r="J20" s="369" t="s">
        <v>847</v>
      </c>
      <c r="K20" s="370">
        <v>0.31805555555555548</v>
      </c>
      <c r="L20" s="12">
        <v>0.38055555555555542</v>
      </c>
      <c r="M20" s="12">
        <v>0.50624999999999998</v>
      </c>
      <c r="N20" s="371">
        <v>0.62916666666666665</v>
      </c>
    </row>
    <row r="21" spans="1:14" ht="15" customHeight="1" x14ac:dyDescent="0.15">
      <c r="A21" s="829"/>
      <c r="B21" s="369" t="s">
        <v>359</v>
      </c>
      <c r="C21" s="86">
        <v>0.34722222222222215</v>
      </c>
      <c r="D21" s="12">
        <v>0.47638888888888892</v>
      </c>
      <c r="E21" s="12">
        <v>0.59930555555555498</v>
      </c>
      <c r="F21" s="367">
        <v>0.73263888888888873</v>
      </c>
      <c r="G21" s="368">
        <v>0.79305555555555562</v>
      </c>
      <c r="H21" s="187"/>
      <c r="I21" s="829"/>
      <c r="J21" s="369" t="s">
        <v>846</v>
      </c>
      <c r="K21" s="370" t="s">
        <v>21</v>
      </c>
      <c r="L21" s="12" t="s">
        <v>21</v>
      </c>
      <c r="M21" s="12">
        <v>0.5083333333333333</v>
      </c>
      <c r="N21" s="371" t="s">
        <v>21</v>
      </c>
    </row>
    <row r="22" spans="1:14" ht="15" customHeight="1" x14ac:dyDescent="0.15">
      <c r="A22" s="829"/>
      <c r="B22" s="369" t="s">
        <v>845</v>
      </c>
      <c r="C22" s="86">
        <v>0.3479166666666666</v>
      </c>
      <c r="D22" s="12">
        <v>0.4770833333333333</v>
      </c>
      <c r="E22" s="12">
        <v>0.59999999999999942</v>
      </c>
      <c r="F22" s="367">
        <v>0.73333333333333317</v>
      </c>
      <c r="G22" s="368">
        <v>0.79375000000000007</v>
      </c>
      <c r="H22" s="187"/>
      <c r="I22" s="829"/>
      <c r="J22" s="369" t="s">
        <v>844</v>
      </c>
      <c r="K22" s="370">
        <v>0.31874999999999998</v>
      </c>
      <c r="L22" s="12">
        <v>0.38124999999999998</v>
      </c>
      <c r="M22" s="12">
        <v>0.50972222222222219</v>
      </c>
      <c r="N22" s="371">
        <v>0.62986111111111109</v>
      </c>
    </row>
    <row r="23" spans="1:14" ht="15" customHeight="1" x14ac:dyDescent="0.15">
      <c r="A23" s="829"/>
      <c r="B23" s="369" t="s">
        <v>362</v>
      </c>
      <c r="C23" s="86">
        <v>0.34861111111111104</v>
      </c>
      <c r="D23" s="12">
        <v>0.4777777777777778</v>
      </c>
      <c r="E23" s="12">
        <v>0.60069444444444386</v>
      </c>
      <c r="F23" s="367">
        <v>0.73402777777777761</v>
      </c>
      <c r="G23" s="368">
        <v>0.7944444444444444</v>
      </c>
      <c r="H23" s="187"/>
      <c r="I23" s="829"/>
      <c r="J23" s="369" t="s">
        <v>843</v>
      </c>
      <c r="K23" s="370">
        <v>0.31944444444444436</v>
      </c>
      <c r="L23" s="12">
        <v>0.38194444444444431</v>
      </c>
      <c r="M23" s="12">
        <v>0.51041666666666663</v>
      </c>
      <c r="N23" s="371">
        <v>0.63055555555555554</v>
      </c>
    </row>
    <row r="24" spans="1:14" ht="15" customHeight="1" x14ac:dyDescent="0.15">
      <c r="A24" s="829"/>
      <c r="B24" s="372" t="s">
        <v>363</v>
      </c>
      <c r="C24" s="86">
        <v>0.34930555555555548</v>
      </c>
      <c r="D24" s="12">
        <v>0.47847222222222219</v>
      </c>
      <c r="E24" s="12">
        <v>0.60138888888888831</v>
      </c>
      <c r="F24" s="367">
        <v>0.73472222222222205</v>
      </c>
      <c r="G24" s="368">
        <v>0.79513888888888884</v>
      </c>
      <c r="H24" s="187"/>
      <c r="I24" s="829"/>
      <c r="J24" s="369" t="s">
        <v>842</v>
      </c>
      <c r="K24" s="370">
        <v>0.31944444444444436</v>
      </c>
      <c r="L24" s="12">
        <v>0.38194444444444431</v>
      </c>
      <c r="M24" s="12">
        <v>0.51041666666666663</v>
      </c>
      <c r="N24" s="371">
        <v>0.63055555555555554</v>
      </c>
    </row>
    <row r="25" spans="1:14" ht="15" customHeight="1" x14ac:dyDescent="0.15">
      <c r="A25" s="830"/>
      <c r="B25" s="373" t="s">
        <v>293</v>
      </c>
      <c r="C25" s="86">
        <v>0.35</v>
      </c>
      <c r="D25" s="12">
        <v>0.47916666666666669</v>
      </c>
      <c r="E25" s="12">
        <v>0.6020833333333333</v>
      </c>
      <c r="F25" s="367">
        <v>0.73541666666666661</v>
      </c>
      <c r="G25" s="368">
        <v>0.79583333333333339</v>
      </c>
      <c r="H25" s="187"/>
      <c r="I25" s="829"/>
      <c r="J25" s="366" t="s">
        <v>841</v>
      </c>
      <c r="K25" s="370">
        <v>0.32083333333333325</v>
      </c>
      <c r="L25" s="12">
        <v>0.38333333333333319</v>
      </c>
      <c r="M25" s="12">
        <v>0.51180555555555551</v>
      </c>
      <c r="N25" s="371">
        <v>0.63194444444444442</v>
      </c>
    </row>
    <row r="26" spans="1:14" ht="15" customHeight="1" x14ac:dyDescent="0.15">
      <c r="A26" s="829"/>
      <c r="B26" s="363" t="s">
        <v>840</v>
      </c>
      <c r="C26" s="86">
        <v>0.35069444444444442</v>
      </c>
      <c r="D26" s="12">
        <v>0.47986111111111113</v>
      </c>
      <c r="E26" s="12">
        <v>0.60277777777777775</v>
      </c>
      <c r="F26" s="367">
        <v>0.73611111111111116</v>
      </c>
      <c r="G26" s="368">
        <v>0.79652777777777783</v>
      </c>
      <c r="H26" s="187"/>
      <c r="I26" s="829"/>
      <c r="J26" s="369" t="s">
        <v>839</v>
      </c>
      <c r="K26" s="370">
        <v>0.32222222222222213</v>
      </c>
      <c r="L26" s="12">
        <v>0.38472222222222208</v>
      </c>
      <c r="M26" s="12">
        <v>0.5131944444444444</v>
      </c>
      <c r="N26" s="371">
        <v>0.6333333333333333</v>
      </c>
    </row>
    <row r="27" spans="1:14" ht="15" customHeight="1" x14ac:dyDescent="0.15">
      <c r="A27" s="829"/>
      <c r="B27" s="369" t="s">
        <v>367</v>
      </c>
      <c r="C27" s="86">
        <v>0.35277777777777769</v>
      </c>
      <c r="D27" s="12">
        <v>0.48194444444444445</v>
      </c>
      <c r="E27" s="12">
        <v>0.60486111111111052</v>
      </c>
      <c r="F27" s="367">
        <v>0.73819444444444426</v>
      </c>
      <c r="G27" s="368">
        <v>0.79861111111111116</v>
      </c>
      <c r="H27" s="187"/>
      <c r="I27" s="829"/>
      <c r="J27" s="369" t="s">
        <v>838</v>
      </c>
      <c r="K27" s="370">
        <v>0.32291666666666657</v>
      </c>
      <c r="L27" s="12">
        <v>0.38541666666666652</v>
      </c>
      <c r="M27" s="12">
        <v>0.51388888888888895</v>
      </c>
      <c r="N27" s="371">
        <v>0.63402777777777775</v>
      </c>
    </row>
    <row r="28" spans="1:14" ht="15" customHeight="1" x14ac:dyDescent="0.15">
      <c r="A28" s="829"/>
      <c r="B28" s="369" t="s">
        <v>837</v>
      </c>
      <c r="C28" s="86">
        <v>0.35347222222222213</v>
      </c>
      <c r="D28" s="12">
        <v>0.4826388888888889</v>
      </c>
      <c r="E28" s="12">
        <v>0.60555555555555496</v>
      </c>
      <c r="F28" s="367">
        <v>0.73888888888888871</v>
      </c>
      <c r="G28" s="368">
        <v>0.7993055555555556</v>
      </c>
      <c r="H28" s="187"/>
      <c r="I28" s="829"/>
      <c r="J28" s="369" t="s">
        <v>836</v>
      </c>
      <c r="K28" s="370">
        <v>0.32361111111111102</v>
      </c>
      <c r="L28" s="12">
        <v>0.38611111111111096</v>
      </c>
      <c r="M28" s="12">
        <v>0.51458333333333328</v>
      </c>
      <c r="N28" s="371">
        <v>0.63472222222222219</v>
      </c>
    </row>
    <row r="29" spans="1:14" ht="15" customHeight="1" x14ac:dyDescent="0.15">
      <c r="A29" s="829"/>
      <c r="B29" s="369" t="s">
        <v>835</v>
      </c>
      <c r="C29" s="86">
        <v>0.35486111111111102</v>
      </c>
      <c r="D29" s="12">
        <v>0.48402777777777778</v>
      </c>
      <c r="E29" s="12">
        <v>0.60694444444444384</v>
      </c>
      <c r="F29" s="367">
        <v>0.74027777777777759</v>
      </c>
      <c r="G29" s="368">
        <v>0.80069444444444438</v>
      </c>
      <c r="H29" s="187"/>
      <c r="I29" s="829"/>
      <c r="J29" s="369" t="s">
        <v>834</v>
      </c>
      <c r="K29" s="370">
        <v>0.32430555555555546</v>
      </c>
      <c r="L29" s="12">
        <v>0.3868055555555554</v>
      </c>
      <c r="M29" s="12">
        <v>0.51527777777777783</v>
      </c>
      <c r="N29" s="371">
        <v>0.63541666666666663</v>
      </c>
    </row>
    <row r="30" spans="1:14" ht="15" customHeight="1" x14ac:dyDescent="0.15">
      <c r="A30" s="829"/>
      <c r="B30" s="369" t="s">
        <v>833</v>
      </c>
      <c r="C30" s="86">
        <v>0.35625000000000001</v>
      </c>
      <c r="D30" s="12">
        <v>0.48541666666666666</v>
      </c>
      <c r="E30" s="12">
        <v>0.60833333333333273</v>
      </c>
      <c r="F30" s="367">
        <v>0.74166666666666647</v>
      </c>
      <c r="G30" s="368">
        <v>0.80208333333333337</v>
      </c>
      <c r="H30" s="187"/>
      <c r="I30" s="829"/>
      <c r="J30" s="369" t="s">
        <v>832</v>
      </c>
      <c r="K30" s="370">
        <v>0.32500000000000001</v>
      </c>
      <c r="L30" s="12">
        <v>0.38750000000000001</v>
      </c>
      <c r="M30" s="12">
        <v>0.51597222222222217</v>
      </c>
      <c r="N30" s="371">
        <v>0.63611111111111118</v>
      </c>
    </row>
    <row r="31" spans="1:14" ht="15" customHeight="1" x14ac:dyDescent="0.15">
      <c r="A31" s="829"/>
      <c r="B31" s="369" t="s">
        <v>831</v>
      </c>
      <c r="C31" s="86">
        <v>0.35763888888888878</v>
      </c>
      <c r="D31" s="12">
        <v>0.48680555555555555</v>
      </c>
      <c r="E31" s="12">
        <v>0.60972222222222161</v>
      </c>
      <c r="F31" s="367">
        <v>0.74305555555555536</v>
      </c>
      <c r="G31" s="368">
        <v>0.80347222222222225</v>
      </c>
      <c r="H31" s="187"/>
      <c r="I31" s="829"/>
      <c r="J31" s="372" t="s">
        <v>830</v>
      </c>
      <c r="K31" s="370">
        <v>0.32569444444444434</v>
      </c>
      <c r="L31" s="12">
        <v>0.38819444444444429</v>
      </c>
      <c r="M31" s="12">
        <v>0.51666666666666672</v>
      </c>
      <c r="N31" s="371">
        <v>0.63680555555555551</v>
      </c>
    </row>
    <row r="32" spans="1:14" ht="15" customHeight="1" x14ac:dyDescent="0.15">
      <c r="A32" s="829"/>
      <c r="B32" s="369" t="s">
        <v>221</v>
      </c>
      <c r="C32" s="86">
        <v>0.35833333333333323</v>
      </c>
      <c r="D32" s="12">
        <v>0.48749999999999999</v>
      </c>
      <c r="E32" s="12">
        <v>0.61041666666666605</v>
      </c>
      <c r="F32" s="367">
        <v>0.74375000000000002</v>
      </c>
      <c r="G32" s="368">
        <v>0.8041666666666667</v>
      </c>
      <c r="H32" s="187"/>
      <c r="I32" s="830"/>
      <c r="J32" s="373" t="s">
        <v>829</v>
      </c>
      <c r="K32" s="370">
        <v>0.32638888888888878</v>
      </c>
      <c r="L32" s="12">
        <v>0.38888888888888873</v>
      </c>
      <c r="M32" s="12">
        <v>0.51736111111111105</v>
      </c>
      <c r="N32" s="371">
        <v>0.63750000000000007</v>
      </c>
    </row>
    <row r="33" spans="1:14" ht="15" customHeight="1" x14ac:dyDescent="0.15">
      <c r="A33" s="829"/>
      <c r="B33" s="369" t="s">
        <v>219</v>
      </c>
      <c r="C33" s="86">
        <v>0.35972222222222211</v>
      </c>
      <c r="D33" s="12">
        <v>0.48888888888888887</v>
      </c>
      <c r="E33" s="12">
        <v>0.61180555555555494</v>
      </c>
      <c r="F33" s="367">
        <v>0.74513888888888868</v>
      </c>
      <c r="G33" s="368">
        <v>0.80555555555555547</v>
      </c>
      <c r="H33" s="187"/>
      <c r="I33" s="829"/>
      <c r="J33" s="363" t="s">
        <v>828</v>
      </c>
      <c r="K33" s="370">
        <v>0.32638888888888878</v>
      </c>
      <c r="L33" s="12">
        <v>0.38888888888888873</v>
      </c>
      <c r="M33" s="12">
        <v>0.51736111111111105</v>
      </c>
      <c r="N33" s="371">
        <v>0.63750000000000007</v>
      </c>
    </row>
    <row r="34" spans="1:14" ht="15" customHeight="1" x14ac:dyDescent="0.15">
      <c r="A34" s="829"/>
      <c r="B34" s="369" t="s">
        <v>827</v>
      </c>
      <c r="C34" s="86">
        <v>0.36041666666666655</v>
      </c>
      <c r="D34" s="12" t="s">
        <v>16</v>
      </c>
      <c r="E34" s="12" t="s">
        <v>16</v>
      </c>
      <c r="F34" s="367" t="s">
        <v>16</v>
      </c>
      <c r="G34" s="368" t="s">
        <v>16</v>
      </c>
      <c r="H34" s="187"/>
      <c r="I34" s="829"/>
      <c r="J34" s="366" t="s">
        <v>98</v>
      </c>
      <c r="K34" s="370">
        <v>0.32708333333333323</v>
      </c>
      <c r="L34" s="12">
        <v>0.38958333333333317</v>
      </c>
      <c r="M34" s="12">
        <v>0.5180555555555556</v>
      </c>
      <c r="N34" s="371">
        <v>0.6381944444444444</v>
      </c>
    </row>
    <row r="35" spans="1:14" ht="15" customHeight="1" x14ac:dyDescent="0.15">
      <c r="A35" s="829"/>
      <c r="B35" s="369" t="s">
        <v>231</v>
      </c>
      <c r="C35" s="86">
        <v>0.36111111111111099</v>
      </c>
      <c r="D35" s="12" t="s">
        <v>16</v>
      </c>
      <c r="E35" s="12" t="s">
        <v>16</v>
      </c>
      <c r="F35" s="367" t="s">
        <v>16</v>
      </c>
      <c r="G35" s="368" t="s">
        <v>16</v>
      </c>
      <c r="H35" s="187"/>
      <c r="I35" s="829"/>
      <c r="J35" s="366" t="s">
        <v>826</v>
      </c>
      <c r="K35" s="370">
        <v>0.32986111111111099</v>
      </c>
      <c r="L35" s="12" t="s">
        <v>21</v>
      </c>
      <c r="M35" s="12" t="s">
        <v>21</v>
      </c>
      <c r="N35" s="371" t="s">
        <v>21</v>
      </c>
    </row>
    <row r="36" spans="1:14" ht="15" customHeight="1" thickBot="1" x14ac:dyDescent="0.2">
      <c r="A36" s="831"/>
      <c r="B36" s="374" t="s">
        <v>825</v>
      </c>
      <c r="C36" s="375">
        <v>0.36249999999999999</v>
      </c>
      <c r="D36" s="376" t="s">
        <v>848</v>
      </c>
      <c r="E36" s="376" t="s">
        <v>848</v>
      </c>
      <c r="F36" s="377" t="s">
        <v>848</v>
      </c>
      <c r="G36" s="378" t="s">
        <v>848</v>
      </c>
      <c r="H36" s="187"/>
      <c r="I36" s="831"/>
      <c r="J36" s="379" t="s">
        <v>100</v>
      </c>
      <c r="K36" s="380">
        <v>0.33263888888888876</v>
      </c>
      <c r="L36" s="376">
        <v>0.39236111111111094</v>
      </c>
      <c r="M36" s="376">
        <v>0.52083333333333337</v>
      </c>
      <c r="N36" s="381">
        <v>0.64097222222222217</v>
      </c>
    </row>
    <row r="37" spans="1:14" ht="15" customHeight="1" x14ac:dyDescent="0.15">
      <c r="A37" s="187"/>
      <c r="B37" s="187"/>
      <c r="C37" s="187"/>
      <c r="D37" s="187"/>
      <c r="E37" s="187"/>
      <c r="F37" s="187"/>
      <c r="G37" s="187"/>
      <c r="H37" s="187"/>
      <c r="I37" s="187"/>
      <c r="J37" s="187"/>
      <c r="K37" s="187"/>
      <c r="L37" s="187"/>
      <c r="M37" s="187"/>
      <c r="N37" s="187"/>
    </row>
    <row r="38" spans="1:14" ht="15" customHeight="1" x14ac:dyDescent="0.15">
      <c r="A38" s="187"/>
      <c r="B38" s="187"/>
      <c r="C38" s="382"/>
      <c r="D38" s="187"/>
      <c r="E38" s="187"/>
      <c r="F38" s="187"/>
      <c r="G38" s="187"/>
      <c r="H38" s="187"/>
      <c r="I38" s="187"/>
      <c r="J38" s="187"/>
      <c r="K38" s="187"/>
      <c r="L38" s="187"/>
      <c r="M38" s="187"/>
      <c r="N38" s="187"/>
    </row>
    <row r="39" spans="1:14" ht="15" customHeight="1" x14ac:dyDescent="0.15">
      <c r="A39" s="187"/>
      <c r="B39" s="187"/>
      <c r="C39" s="383"/>
      <c r="D39" s="187"/>
      <c r="E39" s="187"/>
      <c r="F39" s="187"/>
      <c r="G39" s="187"/>
      <c r="H39" s="187"/>
      <c r="I39" s="832"/>
      <c r="J39" s="832"/>
      <c r="K39" s="832"/>
      <c r="L39" s="832"/>
      <c r="M39" s="832"/>
      <c r="N39" s="832"/>
    </row>
    <row r="40" spans="1:14" ht="15" customHeight="1" x14ac:dyDescent="0.15">
      <c r="A40" s="187"/>
      <c r="B40" s="187"/>
      <c r="C40" s="383"/>
      <c r="D40" s="187"/>
      <c r="E40" s="187"/>
      <c r="F40" s="187"/>
      <c r="G40" s="187"/>
      <c r="H40" s="187"/>
      <c r="I40" s="832"/>
      <c r="J40" s="832"/>
      <c r="K40" s="832"/>
      <c r="L40" s="832"/>
      <c r="M40" s="832"/>
      <c r="N40" s="832"/>
    </row>
    <row r="41" spans="1:14" ht="15" customHeight="1" x14ac:dyDescent="0.15">
      <c r="A41" s="832"/>
      <c r="B41" s="832"/>
      <c r="C41" s="832"/>
      <c r="D41" s="832"/>
      <c r="E41" s="832"/>
      <c r="F41" s="832"/>
      <c r="G41" s="187"/>
      <c r="H41" s="187"/>
      <c r="I41" s="187"/>
      <c r="J41" s="187"/>
      <c r="K41" s="187"/>
      <c r="L41" s="187"/>
      <c r="M41" s="187"/>
      <c r="N41" s="187"/>
    </row>
    <row r="42" spans="1:14" ht="15" customHeight="1" x14ac:dyDescent="0.15">
      <c r="A42" s="832"/>
      <c r="B42" s="832"/>
      <c r="C42" s="832"/>
      <c r="D42" s="832"/>
      <c r="E42" s="832"/>
      <c r="F42" s="832"/>
      <c r="G42" s="187"/>
      <c r="H42" s="187"/>
      <c r="I42" s="187"/>
      <c r="J42" s="187"/>
      <c r="K42" s="187"/>
      <c r="L42" s="187"/>
      <c r="M42" s="187"/>
      <c r="N42" s="187"/>
    </row>
    <row r="43" spans="1:14" ht="13.5" customHeight="1" x14ac:dyDescent="0.15"/>
    <row r="44" spans="1:14" ht="13.5" customHeight="1" x14ac:dyDescent="0.15"/>
    <row r="45" spans="1:14" ht="13.5" customHeight="1" x14ac:dyDescent="0.15">
      <c r="A45" s="384"/>
      <c r="B45" s="384"/>
      <c r="C45" s="384"/>
      <c r="D45" s="384"/>
      <c r="E45" s="384"/>
      <c r="F45" s="384"/>
    </row>
  </sheetData>
  <mergeCells count="5">
    <mergeCell ref="B1:N1"/>
    <mergeCell ref="A3:A36"/>
    <mergeCell ref="I3:I36"/>
    <mergeCell ref="I39:N40"/>
    <mergeCell ref="A41:F42"/>
  </mergeCells>
  <phoneticPr fontId="3"/>
  <pageMargins left="0.98425196850393704" right="0.19685039370078741" top="0.59055118110236227" bottom="0" header="0.51181102362204722" footer="0.51181102362204722"/>
  <pageSetup paperSize="9" scale="95" orientation="landscape" r:id="rId1"/>
  <headerFooter alignWithMargins="0">
    <oddFooter xml:space="preserve">&amp;C&amp;16 </oddFooter>
  </headerFooter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37"/>
  <sheetViews>
    <sheetView view="pageBreakPreview" zoomScaleNormal="100" zoomScaleSheetLayoutView="100" workbookViewId="0">
      <selection activeCell="G4" sqref="G4"/>
    </sheetView>
  </sheetViews>
  <sheetFormatPr defaultColWidth="23.5" defaultRowHeight="13.5" x14ac:dyDescent="0.15"/>
  <cols>
    <col min="1" max="1" width="3.625" style="186" customWidth="1"/>
    <col min="2" max="2" width="25.625" style="186" customWidth="1"/>
    <col min="3" max="3" width="4.875" style="186" hidden="1" customWidth="1"/>
    <col min="4" max="8" width="7.625" style="186" customWidth="1"/>
    <col min="9" max="9" width="7.25" style="186" customWidth="1"/>
    <col min="10" max="10" width="3.625" style="186" customWidth="1"/>
    <col min="11" max="11" width="25.625" style="186" customWidth="1"/>
    <col min="12" max="12" width="7.625" style="186" hidden="1" customWidth="1"/>
    <col min="13" max="17" width="7.625" style="186" customWidth="1"/>
    <col min="18" max="16384" width="23.5" style="186"/>
  </cols>
  <sheetData>
    <row r="1" spans="1:17" ht="24.95" customHeight="1" x14ac:dyDescent="0.15">
      <c r="A1" s="685"/>
      <c r="B1" s="833" t="s">
        <v>849</v>
      </c>
      <c r="C1" s="834"/>
      <c r="D1" s="834"/>
      <c r="E1" s="834"/>
      <c r="F1" s="834"/>
      <c r="G1" s="834"/>
      <c r="H1" s="834"/>
      <c r="I1" s="834"/>
      <c r="J1" s="834"/>
      <c r="K1" s="834"/>
      <c r="L1" s="834"/>
      <c r="M1" s="834"/>
      <c r="N1" s="834"/>
      <c r="O1" s="834"/>
      <c r="P1" s="834"/>
      <c r="Q1" s="834"/>
    </row>
    <row r="2" spans="1:17" ht="5.0999999999999996" customHeight="1" x14ac:dyDescent="0.15">
      <c r="A2" s="187"/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  <c r="M2" s="187"/>
      <c r="N2" s="187"/>
      <c r="O2" s="187"/>
      <c r="P2" s="187"/>
      <c r="Q2" s="187"/>
    </row>
    <row r="3" spans="1:17" ht="15.95" customHeight="1" x14ac:dyDescent="0.15">
      <c r="A3" s="835" t="s">
        <v>850</v>
      </c>
      <c r="B3" s="385" t="s">
        <v>1</v>
      </c>
      <c r="C3" s="221"/>
      <c r="D3" s="221" t="s">
        <v>2</v>
      </c>
      <c r="E3" s="221" t="s">
        <v>3</v>
      </c>
      <c r="F3" s="221" t="s">
        <v>4</v>
      </c>
      <c r="G3" s="386" t="s">
        <v>5</v>
      </c>
      <c r="H3" s="387" t="s">
        <v>6</v>
      </c>
      <c r="I3" s="187"/>
      <c r="J3" s="835" t="s">
        <v>120</v>
      </c>
      <c r="K3" s="222" t="s">
        <v>1</v>
      </c>
      <c r="L3" s="388"/>
      <c r="M3" s="389" t="s">
        <v>2</v>
      </c>
      <c r="N3" s="221" t="s">
        <v>3</v>
      </c>
      <c r="O3" s="221" t="s">
        <v>4</v>
      </c>
      <c r="P3" s="221" t="s">
        <v>5</v>
      </c>
      <c r="Q3" s="386" t="s">
        <v>6</v>
      </c>
    </row>
    <row r="4" spans="1:17" ht="15.95" customHeight="1" x14ac:dyDescent="0.15">
      <c r="A4" s="836"/>
      <c r="B4" s="390" t="s">
        <v>100</v>
      </c>
      <c r="C4" s="391">
        <v>6.9444444444444441E-3</v>
      </c>
      <c r="D4" s="244">
        <v>0.41666666666666669</v>
      </c>
      <c r="E4" s="244">
        <v>0.53055555555555556</v>
      </c>
      <c r="F4" s="244">
        <v>0.64930555555555458</v>
      </c>
      <c r="G4" s="392">
        <v>0.71527777777777779</v>
      </c>
      <c r="H4" s="393">
        <v>0.77777777777777779</v>
      </c>
      <c r="I4" s="187"/>
      <c r="J4" s="835"/>
      <c r="K4" s="38" t="s">
        <v>851</v>
      </c>
      <c r="L4" s="87">
        <v>8.3333333333333332E-3</v>
      </c>
      <c r="M4" s="394">
        <v>0.3</v>
      </c>
      <c r="N4" s="395">
        <v>0.44027777777777777</v>
      </c>
      <c r="O4" s="395">
        <v>0.55486111111111047</v>
      </c>
      <c r="P4" s="395">
        <v>0.68402777777777779</v>
      </c>
      <c r="Q4" s="396">
        <v>0.74375000000000002</v>
      </c>
    </row>
    <row r="5" spans="1:17" ht="15.95" customHeight="1" x14ac:dyDescent="0.15">
      <c r="A5" s="836"/>
      <c r="B5" s="390" t="s">
        <v>826</v>
      </c>
      <c r="C5" s="397">
        <v>2.7777777777777779E-3</v>
      </c>
      <c r="D5" s="244" t="s">
        <v>21</v>
      </c>
      <c r="E5" s="244" t="s">
        <v>21</v>
      </c>
      <c r="F5" s="244" t="s">
        <v>21</v>
      </c>
      <c r="G5" s="392">
        <v>0.71805555555555556</v>
      </c>
      <c r="H5" s="393">
        <v>0.78055555555555556</v>
      </c>
      <c r="I5" s="187"/>
      <c r="J5" s="835"/>
      <c r="K5" s="398" t="s">
        <v>852</v>
      </c>
      <c r="L5" s="87">
        <v>6.9444444444444447E-4</v>
      </c>
      <c r="M5" s="394">
        <v>0.30069444444444443</v>
      </c>
      <c r="N5" s="399">
        <v>0.44097222222222227</v>
      </c>
      <c r="O5" s="399">
        <v>0.55555555555555491</v>
      </c>
      <c r="P5" s="399">
        <v>0.68472222222222223</v>
      </c>
      <c r="Q5" s="400">
        <v>0.74444444444444435</v>
      </c>
    </row>
    <row r="6" spans="1:17" ht="15.95" customHeight="1" x14ac:dyDescent="0.15">
      <c r="A6" s="836"/>
      <c r="B6" s="390" t="s">
        <v>98</v>
      </c>
      <c r="C6" s="397">
        <v>2.7777777777777779E-3</v>
      </c>
      <c r="D6" s="244">
        <v>0.41944444444444445</v>
      </c>
      <c r="E6" s="244">
        <v>0.53333333333333333</v>
      </c>
      <c r="F6" s="244">
        <v>0.65208333333333235</v>
      </c>
      <c r="G6" s="392">
        <v>0.72083333333333333</v>
      </c>
      <c r="H6" s="393">
        <v>0.78333333333333333</v>
      </c>
      <c r="I6" s="187"/>
      <c r="J6" s="835"/>
      <c r="K6" s="38" t="s">
        <v>279</v>
      </c>
      <c r="L6" s="87">
        <v>6.9444444444444447E-4</v>
      </c>
      <c r="M6" s="394">
        <v>0.30138888888888893</v>
      </c>
      <c r="N6" s="401">
        <v>0.44166666666666665</v>
      </c>
      <c r="O6" s="401">
        <v>0.55624999999999936</v>
      </c>
      <c r="P6" s="401">
        <v>0.68541666666666667</v>
      </c>
      <c r="Q6" s="402">
        <v>0.7451388888888888</v>
      </c>
    </row>
    <row r="7" spans="1:17" ht="15.95" customHeight="1" x14ac:dyDescent="0.15">
      <c r="A7" s="836"/>
      <c r="B7" s="403" t="s">
        <v>853</v>
      </c>
      <c r="C7" s="397">
        <v>6.9444444444444447E-4</v>
      </c>
      <c r="D7" s="244">
        <v>0.4201388888888889</v>
      </c>
      <c r="E7" s="244">
        <v>0.53402777777777777</v>
      </c>
      <c r="F7" s="244">
        <v>0.65277777777777679</v>
      </c>
      <c r="G7" s="392">
        <v>0.72152777777777777</v>
      </c>
      <c r="H7" s="393">
        <v>0.78402777777777777</v>
      </c>
      <c r="I7" s="187"/>
      <c r="J7" s="835"/>
      <c r="K7" s="38" t="s">
        <v>283</v>
      </c>
      <c r="L7" s="87">
        <v>6.9444444444444447E-4</v>
      </c>
      <c r="M7" s="394">
        <v>0.30208333333333331</v>
      </c>
      <c r="N7" s="399">
        <v>0.44236111111111115</v>
      </c>
      <c r="O7" s="399">
        <v>0.5569444444444438</v>
      </c>
      <c r="P7" s="399">
        <v>0.68611111111111112</v>
      </c>
      <c r="Q7" s="400">
        <v>0.74583333333333324</v>
      </c>
    </row>
    <row r="8" spans="1:17" ht="15.95" customHeight="1" x14ac:dyDescent="0.15">
      <c r="A8" s="836"/>
      <c r="B8" s="390" t="s">
        <v>854</v>
      </c>
      <c r="C8" s="397">
        <v>6.9444444444444447E-4</v>
      </c>
      <c r="D8" s="244">
        <v>0.42083333333333334</v>
      </c>
      <c r="E8" s="244">
        <v>0.53472222222222221</v>
      </c>
      <c r="F8" s="244">
        <v>0.65347222222222123</v>
      </c>
      <c r="G8" s="392">
        <v>0.72222222222222221</v>
      </c>
      <c r="H8" s="393">
        <v>0.78472222222222221</v>
      </c>
      <c r="I8" s="187"/>
      <c r="J8" s="835"/>
      <c r="K8" s="38" t="s">
        <v>233</v>
      </c>
      <c r="L8" s="87">
        <v>0</v>
      </c>
      <c r="M8" s="394">
        <v>0.30208333333333331</v>
      </c>
      <c r="N8" s="399">
        <v>0.44236111111111115</v>
      </c>
      <c r="O8" s="399">
        <v>0.5569444444444438</v>
      </c>
      <c r="P8" s="399">
        <v>0.68611111111111112</v>
      </c>
      <c r="Q8" s="400">
        <v>0.74583333333333324</v>
      </c>
    </row>
    <row r="9" spans="1:17" ht="15.95" customHeight="1" x14ac:dyDescent="0.15">
      <c r="A9" s="836"/>
      <c r="B9" s="403" t="s">
        <v>855</v>
      </c>
      <c r="C9" s="397">
        <v>6.9444444444444447E-4</v>
      </c>
      <c r="D9" s="244">
        <v>0.42152777777777778</v>
      </c>
      <c r="E9" s="244">
        <v>0.53541666666666665</v>
      </c>
      <c r="F9" s="244">
        <v>0.65416666666666567</v>
      </c>
      <c r="G9" s="392">
        <v>0.72291666666666665</v>
      </c>
      <c r="H9" s="393">
        <v>0.78541666666666676</v>
      </c>
      <c r="I9" s="187"/>
      <c r="J9" s="835"/>
      <c r="K9" s="38" t="s">
        <v>234</v>
      </c>
      <c r="L9" s="87">
        <v>6.9444444444444447E-4</v>
      </c>
      <c r="M9" s="394">
        <v>0.30277777777777776</v>
      </c>
      <c r="N9" s="399">
        <v>0.44305555555555554</v>
      </c>
      <c r="O9" s="399">
        <v>0.55763888888888824</v>
      </c>
      <c r="P9" s="399">
        <v>0.68680555555555556</v>
      </c>
      <c r="Q9" s="400">
        <v>0.74652777777777768</v>
      </c>
    </row>
    <row r="10" spans="1:17" ht="15.95" customHeight="1" x14ac:dyDescent="0.15">
      <c r="A10" s="836"/>
      <c r="B10" s="403" t="s">
        <v>131</v>
      </c>
      <c r="C10" s="397">
        <v>1.3888888888888889E-3</v>
      </c>
      <c r="D10" s="244">
        <v>0.42291666666666666</v>
      </c>
      <c r="E10" s="244">
        <v>0.53680555555555554</v>
      </c>
      <c r="F10" s="244">
        <v>0.65555555555555456</v>
      </c>
      <c r="G10" s="392">
        <v>0.72430555555555554</v>
      </c>
      <c r="H10" s="393">
        <v>0.78680555555555554</v>
      </c>
      <c r="I10" s="187"/>
      <c r="J10" s="835"/>
      <c r="K10" s="38" t="s">
        <v>235</v>
      </c>
      <c r="L10" s="87">
        <v>6.9444444444444447E-4</v>
      </c>
      <c r="M10" s="394">
        <v>0.3034722222222222</v>
      </c>
      <c r="N10" s="399">
        <v>0.44375000000000003</v>
      </c>
      <c r="O10" s="399">
        <v>0.55833333333333268</v>
      </c>
      <c r="P10" s="399">
        <v>0.6875</v>
      </c>
      <c r="Q10" s="400">
        <v>0.74722222222222212</v>
      </c>
    </row>
    <row r="11" spans="1:17" ht="15.95" customHeight="1" x14ac:dyDescent="0.15">
      <c r="A11" s="836"/>
      <c r="B11" s="403" t="s">
        <v>856</v>
      </c>
      <c r="C11" s="397">
        <v>6.9444444444444447E-4</v>
      </c>
      <c r="D11" s="244">
        <v>0.4236111111111111</v>
      </c>
      <c r="E11" s="244">
        <v>0.53749999999999998</v>
      </c>
      <c r="F11" s="244">
        <v>0.656249999999999</v>
      </c>
      <c r="G11" s="392">
        <v>0.72499999999999998</v>
      </c>
      <c r="H11" s="393">
        <v>0.78749999999999998</v>
      </c>
      <c r="I11" s="187"/>
      <c r="J11" s="835"/>
      <c r="K11" s="404" t="s">
        <v>287</v>
      </c>
      <c r="L11" s="87">
        <v>6.9444444444444447E-4</v>
      </c>
      <c r="M11" s="394">
        <v>0.30416666666666664</v>
      </c>
      <c r="N11" s="399">
        <v>0.44444444444444442</v>
      </c>
      <c r="O11" s="399">
        <v>0.55902777777777712</v>
      </c>
      <c r="P11" s="399">
        <v>0.68819444444444444</v>
      </c>
      <c r="Q11" s="400">
        <v>0.74791666666666656</v>
      </c>
    </row>
    <row r="12" spans="1:17" ht="15.95" customHeight="1" x14ac:dyDescent="0.15">
      <c r="A12" s="836"/>
      <c r="B12" s="403" t="s">
        <v>857</v>
      </c>
      <c r="C12" s="397">
        <v>6.9444444444444447E-4</v>
      </c>
      <c r="D12" s="244">
        <v>0.42430555555555555</v>
      </c>
      <c r="E12" s="244">
        <v>0.53819444444444442</v>
      </c>
      <c r="F12" s="244">
        <v>0.65694444444444344</v>
      </c>
      <c r="G12" s="392">
        <v>0.72569444444444442</v>
      </c>
      <c r="H12" s="393">
        <v>0.78819444444444453</v>
      </c>
      <c r="I12" s="187"/>
      <c r="J12" s="835"/>
      <c r="K12" s="404" t="s">
        <v>370</v>
      </c>
      <c r="L12" s="87">
        <v>6.9444444444444447E-4</v>
      </c>
      <c r="M12" s="394">
        <v>0.30486111111111108</v>
      </c>
      <c r="N12" s="399">
        <v>0.44513888888888892</v>
      </c>
      <c r="O12" s="399">
        <v>0.55972222222222157</v>
      </c>
      <c r="P12" s="399">
        <v>0.68888888888888888</v>
      </c>
      <c r="Q12" s="400">
        <v>0.74861111111111101</v>
      </c>
    </row>
    <row r="13" spans="1:17" ht="15.95" customHeight="1" x14ac:dyDescent="0.15">
      <c r="A13" s="836"/>
      <c r="B13" s="403" t="s">
        <v>858</v>
      </c>
      <c r="C13" s="397">
        <v>6.9444444444444447E-4</v>
      </c>
      <c r="D13" s="244">
        <v>0.42499999999999999</v>
      </c>
      <c r="E13" s="244">
        <v>0.53888888888888886</v>
      </c>
      <c r="F13" s="244">
        <v>0.65763888888888788</v>
      </c>
      <c r="G13" s="392">
        <v>0.72638888888888886</v>
      </c>
      <c r="H13" s="393">
        <v>0.78888888888888886</v>
      </c>
      <c r="I13" s="187"/>
      <c r="J13" s="835"/>
      <c r="K13" s="38" t="s">
        <v>291</v>
      </c>
      <c r="L13" s="87">
        <v>6.9444444444444447E-4</v>
      </c>
      <c r="M13" s="394">
        <v>0.30555555555555552</v>
      </c>
      <c r="N13" s="399">
        <v>0.4458333333333333</v>
      </c>
      <c r="O13" s="399">
        <v>0.56041666666666601</v>
      </c>
      <c r="P13" s="399">
        <v>0.68958333333333333</v>
      </c>
      <c r="Q13" s="400">
        <v>0.74930555555555545</v>
      </c>
    </row>
    <row r="14" spans="1:17" ht="15.95" customHeight="1" x14ac:dyDescent="0.15">
      <c r="A14" s="836"/>
      <c r="B14" s="390" t="s">
        <v>859</v>
      </c>
      <c r="C14" s="397">
        <v>0</v>
      </c>
      <c r="D14" s="244">
        <v>0.42499999999999999</v>
      </c>
      <c r="E14" s="244">
        <v>0.53888888888888886</v>
      </c>
      <c r="F14" s="244">
        <v>0.65763888888888788</v>
      </c>
      <c r="G14" s="392">
        <v>0.72638888888888886</v>
      </c>
      <c r="H14" s="393">
        <v>0.78888888888888886</v>
      </c>
      <c r="I14" s="187"/>
      <c r="J14" s="835"/>
      <c r="K14" s="16" t="s">
        <v>367</v>
      </c>
      <c r="L14" s="87">
        <v>6.9444444444444447E-4</v>
      </c>
      <c r="M14" s="394">
        <v>0.30625000000000002</v>
      </c>
      <c r="N14" s="399">
        <v>0.4465277777777778</v>
      </c>
      <c r="O14" s="399">
        <v>0.56111111111111045</v>
      </c>
      <c r="P14" s="399">
        <v>0.69027777777777777</v>
      </c>
      <c r="Q14" s="400">
        <v>0.75</v>
      </c>
    </row>
    <row r="15" spans="1:17" ht="15.95" customHeight="1" x14ac:dyDescent="0.15">
      <c r="A15" s="836"/>
      <c r="B15" s="403" t="s">
        <v>860</v>
      </c>
      <c r="C15" s="397">
        <v>1.3888888888888889E-3</v>
      </c>
      <c r="D15" s="244">
        <v>0.42638888888888887</v>
      </c>
      <c r="E15" s="244">
        <v>0.54027777777777775</v>
      </c>
      <c r="F15" s="244">
        <v>0.65902777777777677</v>
      </c>
      <c r="G15" s="392">
        <v>0.72777777777777775</v>
      </c>
      <c r="H15" s="393">
        <v>0.79027777777777775</v>
      </c>
      <c r="I15" s="187"/>
      <c r="J15" s="835"/>
      <c r="K15" s="405" t="s">
        <v>840</v>
      </c>
      <c r="L15" s="87">
        <v>1.3888888888888889E-3</v>
      </c>
      <c r="M15" s="394">
        <v>0.30763888888888891</v>
      </c>
      <c r="N15" s="399">
        <v>0.44791666666666669</v>
      </c>
      <c r="O15" s="399">
        <v>0.56249999999999933</v>
      </c>
      <c r="P15" s="399">
        <v>0.69166666666666665</v>
      </c>
      <c r="Q15" s="400">
        <v>0.75138888888888877</v>
      </c>
    </row>
    <row r="16" spans="1:17" ht="15.95" customHeight="1" x14ac:dyDescent="0.15">
      <c r="A16" s="836"/>
      <c r="B16" s="403" t="s">
        <v>861</v>
      </c>
      <c r="C16" s="397">
        <v>1.3888888888888889E-3</v>
      </c>
      <c r="D16" s="244">
        <v>0.42777777777777781</v>
      </c>
      <c r="E16" s="244">
        <v>0.54166666666666663</v>
      </c>
      <c r="F16" s="244">
        <v>0.66041666666666565</v>
      </c>
      <c r="G16" s="392">
        <v>0.72916666666666663</v>
      </c>
      <c r="H16" s="393">
        <v>0.79166666666666663</v>
      </c>
      <c r="I16" s="187"/>
      <c r="J16" s="836"/>
      <c r="K16" s="16" t="s">
        <v>293</v>
      </c>
      <c r="L16" s="406"/>
      <c r="M16" s="394">
        <v>0.30833333333333329</v>
      </c>
      <c r="N16" s="399">
        <v>0.44861111111111113</v>
      </c>
      <c r="O16" s="399">
        <v>0.56319444444444378</v>
      </c>
      <c r="P16" s="399">
        <v>0.69236111111111109</v>
      </c>
      <c r="Q16" s="400">
        <v>0.75208333333333321</v>
      </c>
    </row>
    <row r="17" spans="1:17" ht="15.95" customHeight="1" x14ac:dyDescent="0.15">
      <c r="A17" s="836"/>
      <c r="B17" s="390" t="s">
        <v>862</v>
      </c>
      <c r="C17" s="397">
        <v>1.3888888888888889E-3</v>
      </c>
      <c r="D17" s="244">
        <v>0.4291666666666667</v>
      </c>
      <c r="E17" s="244">
        <v>0.54305555555555551</v>
      </c>
      <c r="F17" s="244">
        <v>0.66180555555555454</v>
      </c>
      <c r="G17" s="392">
        <v>0.73055555555555551</v>
      </c>
      <c r="H17" s="393">
        <v>0.79305555555555562</v>
      </c>
      <c r="I17" s="187"/>
      <c r="J17" s="835"/>
      <c r="K17" s="30" t="s">
        <v>363</v>
      </c>
      <c r="L17" s="87">
        <v>6.9444444444444447E-4</v>
      </c>
      <c r="M17" s="394">
        <v>0.30902777777777773</v>
      </c>
      <c r="N17" s="399">
        <v>0.44930555555555557</v>
      </c>
      <c r="O17" s="399">
        <v>0.56388888888888822</v>
      </c>
      <c r="P17" s="399">
        <v>0.69305555555555554</v>
      </c>
      <c r="Q17" s="400">
        <v>0.75277777777777766</v>
      </c>
    </row>
    <row r="18" spans="1:17" ht="15.95" customHeight="1" x14ac:dyDescent="0.15">
      <c r="A18" s="836"/>
      <c r="B18" s="403" t="s">
        <v>863</v>
      </c>
      <c r="C18" s="397">
        <v>6.9444444444444447E-4</v>
      </c>
      <c r="D18" s="244">
        <v>0.42986111111111108</v>
      </c>
      <c r="E18" s="244">
        <v>0.54375000000000007</v>
      </c>
      <c r="F18" s="244">
        <v>0.66249999999999898</v>
      </c>
      <c r="G18" s="392">
        <v>0.73124999999999996</v>
      </c>
      <c r="H18" s="393">
        <v>0.79375000000000007</v>
      </c>
      <c r="I18" s="187"/>
      <c r="J18" s="835"/>
      <c r="K18" s="16" t="s">
        <v>863</v>
      </c>
      <c r="L18" s="87">
        <v>6.9444444444444447E-4</v>
      </c>
      <c r="M18" s="394">
        <v>0.30972222222222218</v>
      </c>
      <c r="N18" s="399">
        <v>0.45</v>
      </c>
      <c r="O18" s="399">
        <v>0.56458333333333266</v>
      </c>
      <c r="P18" s="399">
        <v>0.69374999999999998</v>
      </c>
      <c r="Q18" s="400">
        <v>0.7534722222222221</v>
      </c>
    </row>
    <row r="19" spans="1:17" ht="15.95" customHeight="1" x14ac:dyDescent="0.15">
      <c r="A19" s="836"/>
      <c r="B19" s="407" t="s">
        <v>363</v>
      </c>
      <c r="C19" s="397">
        <v>6.9444444444444447E-4</v>
      </c>
      <c r="D19" s="244">
        <v>0.43055555555555558</v>
      </c>
      <c r="E19" s="244">
        <v>0.5444444444444444</v>
      </c>
      <c r="F19" s="244">
        <v>0.66319444444444342</v>
      </c>
      <c r="G19" s="392">
        <v>0.7319444444444444</v>
      </c>
      <c r="H19" s="393">
        <v>0.7944444444444444</v>
      </c>
      <c r="I19" s="187"/>
      <c r="J19" s="835"/>
      <c r="K19" s="408" t="s">
        <v>862</v>
      </c>
      <c r="L19" s="87">
        <v>6.9444444444444447E-4</v>
      </c>
      <c r="M19" s="394">
        <v>0.31111111111111106</v>
      </c>
      <c r="N19" s="399">
        <v>0.4513888888888889</v>
      </c>
      <c r="O19" s="399">
        <v>0.56597222222222154</v>
      </c>
      <c r="P19" s="399">
        <v>0.69513888888888886</v>
      </c>
      <c r="Q19" s="400">
        <v>0.75486111111111098</v>
      </c>
    </row>
    <row r="20" spans="1:17" ht="15.95" customHeight="1" x14ac:dyDescent="0.15">
      <c r="A20" s="836"/>
      <c r="B20" s="409" t="s">
        <v>293</v>
      </c>
      <c r="C20" s="410"/>
      <c r="D20" s="244">
        <v>0.43124999999999997</v>
      </c>
      <c r="E20" s="244">
        <v>0.54513888888888895</v>
      </c>
      <c r="F20" s="244">
        <v>0.66388888888888786</v>
      </c>
      <c r="G20" s="392">
        <v>0.73263888888888884</v>
      </c>
      <c r="H20" s="393">
        <v>0.79513888888888884</v>
      </c>
      <c r="I20" s="187"/>
      <c r="J20" s="835"/>
      <c r="K20" s="16" t="s">
        <v>861</v>
      </c>
      <c r="L20" s="87">
        <v>1.3888888888888889E-3</v>
      </c>
      <c r="M20" s="394">
        <v>0.3125</v>
      </c>
      <c r="N20" s="399">
        <v>0.45277777777777778</v>
      </c>
      <c r="O20" s="399">
        <v>0.56736111111111043</v>
      </c>
      <c r="P20" s="399">
        <v>0.69652777777777775</v>
      </c>
      <c r="Q20" s="400">
        <v>0.75624999999999998</v>
      </c>
    </row>
    <row r="21" spans="1:17" ht="15.95" customHeight="1" x14ac:dyDescent="0.15">
      <c r="A21" s="836"/>
      <c r="B21" s="411" t="s">
        <v>840</v>
      </c>
      <c r="C21" s="397">
        <v>6.9444444444444447E-4</v>
      </c>
      <c r="D21" s="244">
        <v>0.43194444444444446</v>
      </c>
      <c r="E21" s="244">
        <v>0.54583333333333328</v>
      </c>
      <c r="F21" s="244">
        <v>0.6645833333333333</v>
      </c>
      <c r="G21" s="392">
        <v>0.73333333333333339</v>
      </c>
      <c r="H21" s="393">
        <v>0.79583333333333339</v>
      </c>
      <c r="I21" s="187"/>
      <c r="J21" s="835"/>
      <c r="K21" s="16" t="s">
        <v>860</v>
      </c>
      <c r="L21" s="87">
        <v>1.3888888888888889E-3</v>
      </c>
      <c r="M21" s="394">
        <v>0.31388888888888888</v>
      </c>
      <c r="N21" s="399">
        <v>0.45416666666666666</v>
      </c>
      <c r="O21" s="399">
        <v>0.56874999999999931</v>
      </c>
      <c r="P21" s="399">
        <v>0.69791666666666663</v>
      </c>
      <c r="Q21" s="400">
        <v>0.75763888888888875</v>
      </c>
    </row>
    <row r="22" spans="1:17" ht="15.95" customHeight="1" x14ac:dyDescent="0.15">
      <c r="A22" s="836"/>
      <c r="B22" s="403" t="s">
        <v>367</v>
      </c>
      <c r="C22" s="397">
        <v>1.3888888888888889E-3</v>
      </c>
      <c r="D22" s="244">
        <v>0.43333333333333335</v>
      </c>
      <c r="E22" s="244">
        <v>0.54722222222222217</v>
      </c>
      <c r="F22" s="244">
        <v>0.66597222222222119</v>
      </c>
      <c r="G22" s="392">
        <v>0.73472222222222217</v>
      </c>
      <c r="H22" s="393">
        <v>0.79722222222222217</v>
      </c>
      <c r="I22" s="187"/>
      <c r="J22" s="835"/>
      <c r="K22" s="38" t="s">
        <v>859</v>
      </c>
      <c r="L22" s="87">
        <v>1.3888888888888889E-3</v>
      </c>
      <c r="M22" s="394">
        <v>0.31458333333333327</v>
      </c>
      <c r="N22" s="399">
        <v>0.4548611111111111</v>
      </c>
      <c r="O22" s="399">
        <v>0.56944444444444375</v>
      </c>
      <c r="P22" s="399">
        <v>0.69861111111111107</v>
      </c>
      <c r="Q22" s="400">
        <v>0.75833333333333319</v>
      </c>
    </row>
    <row r="23" spans="1:17" ht="15.95" customHeight="1" x14ac:dyDescent="0.15">
      <c r="A23" s="836"/>
      <c r="B23" s="390" t="s">
        <v>291</v>
      </c>
      <c r="C23" s="397">
        <v>6.9444444444444447E-4</v>
      </c>
      <c r="D23" s="244">
        <v>0.43402777777777773</v>
      </c>
      <c r="E23" s="244">
        <v>0.54791666666666672</v>
      </c>
      <c r="F23" s="244">
        <v>0.66666666666666563</v>
      </c>
      <c r="G23" s="392">
        <v>0.73541666666666661</v>
      </c>
      <c r="H23" s="393">
        <v>0.79791666666666661</v>
      </c>
      <c r="I23" s="187"/>
      <c r="J23" s="835"/>
      <c r="K23" s="16" t="s">
        <v>858</v>
      </c>
      <c r="L23" s="87">
        <v>6.9444444444444447E-4</v>
      </c>
      <c r="M23" s="394">
        <v>0.31458333333333327</v>
      </c>
      <c r="N23" s="399">
        <v>0.4548611111111111</v>
      </c>
      <c r="O23" s="399">
        <v>0.56944444444444375</v>
      </c>
      <c r="P23" s="399">
        <v>0.69861111111111107</v>
      </c>
      <c r="Q23" s="400">
        <v>0.75833333333333319</v>
      </c>
    </row>
    <row r="24" spans="1:17" ht="15.95" customHeight="1" x14ac:dyDescent="0.15">
      <c r="A24" s="836"/>
      <c r="B24" s="412" t="s">
        <v>370</v>
      </c>
      <c r="C24" s="397">
        <v>6.9444444444444447E-4</v>
      </c>
      <c r="D24" s="244">
        <v>0.43472222222222223</v>
      </c>
      <c r="E24" s="244">
        <v>0.54861111111111105</v>
      </c>
      <c r="F24" s="244">
        <v>0.66736111111111007</v>
      </c>
      <c r="G24" s="392">
        <v>0.73611111111111105</v>
      </c>
      <c r="H24" s="393">
        <v>0.79861111111111116</v>
      </c>
      <c r="I24" s="187"/>
      <c r="J24" s="835"/>
      <c r="K24" s="16" t="s">
        <v>857</v>
      </c>
      <c r="L24" s="72">
        <v>0</v>
      </c>
      <c r="M24" s="394">
        <v>0.31527777777777771</v>
      </c>
      <c r="N24" s="399">
        <v>0.45555555555555555</v>
      </c>
      <c r="O24" s="399">
        <v>0.5701388888888882</v>
      </c>
      <c r="P24" s="399">
        <v>0.69930555555555551</v>
      </c>
      <c r="Q24" s="400">
        <v>0.75902777777777763</v>
      </c>
    </row>
    <row r="25" spans="1:17" ht="15.95" customHeight="1" x14ac:dyDescent="0.15">
      <c r="A25" s="836"/>
      <c r="B25" s="412" t="s">
        <v>287</v>
      </c>
      <c r="C25" s="397">
        <v>6.9444444444444447E-4</v>
      </c>
      <c r="D25" s="244">
        <v>0.43541666666666662</v>
      </c>
      <c r="E25" s="244">
        <v>0.5493055555555556</v>
      </c>
      <c r="F25" s="244">
        <v>0.66805555555555451</v>
      </c>
      <c r="G25" s="392">
        <v>0.73680555555555549</v>
      </c>
      <c r="H25" s="393">
        <v>0.7993055555555556</v>
      </c>
      <c r="I25" s="187"/>
      <c r="J25" s="835"/>
      <c r="K25" s="16" t="s">
        <v>856</v>
      </c>
      <c r="L25" s="72">
        <v>6.9444444444444447E-4</v>
      </c>
      <c r="M25" s="394">
        <v>0.31597222222222215</v>
      </c>
      <c r="N25" s="399">
        <v>0.45624999999999999</v>
      </c>
      <c r="O25" s="399">
        <v>0.57083333333333264</v>
      </c>
      <c r="P25" s="399">
        <v>0.7</v>
      </c>
      <c r="Q25" s="400">
        <v>0.75972222222222208</v>
      </c>
    </row>
    <row r="26" spans="1:17" ht="15.95" customHeight="1" x14ac:dyDescent="0.15">
      <c r="A26" s="836"/>
      <c r="B26" s="390" t="s">
        <v>235</v>
      </c>
      <c r="C26" s="397">
        <v>6.9444444444444447E-4</v>
      </c>
      <c r="D26" s="244">
        <v>0.43611111111111112</v>
      </c>
      <c r="E26" s="244">
        <v>0.54999999999999993</v>
      </c>
      <c r="F26" s="244">
        <v>0.66874999999999896</v>
      </c>
      <c r="G26" s="392">
        <v>0.73750000000000004</v>
      </c>
      <c r="H26" s="393">
        <v>0.79999999999999993</v>
      </c>
      <c r="I26" s="187"/>
      <c r="J26" s="835"/>
      <c r="K26" s="16" t="s">
        <v>131</v>
      </c>
      <c r="L26" s="72">
        <v>6.9444444444444447E-4</v>
      </c>
      <c r="M26" s="394">
        <v>0.31736111111111104</v>
      </c>
      <c r="N26" s="399">
        <v>0.45763888888888887</v>
      </c>
      <c r="O26" s="399">
        <v>0.57222222222222152</v>
      </c>
      <c r="P26" s="399">
        <v>0.70138888888888884</v>
      </c>
      <c r="Q26" s="400">
        <v>0.76111111111111096</v>
      </c>
    </row>
    <row r="27" spans="1:17" ht="15.95" customHeight="1" x14ac:dyDescent="0.15">
      <c r="A27" s="836"/>
      <c r="B27" s="412" t="s">
        <v>234</v>
      </c>
      <c r="C27" s="397">
        <v>6.9444444444444447E-4</v>
      </c>
      <c r="D27" s="244">
        <v>0.43611111111111112</v>
      </c>
      <c r="E27" s="244">
        <v>0.54999999999999993</v>
      </c>
      <c r="F27" s="244">
        <v>0.66874999999999896</v>
      </c>
      <c r="G27" s="392">
        <v>0.73750000000000004</v>
      </c>
      <c r="H27" s="393">
        <v>0.79999999999999993</v>
      </c>
      <c r="I27" s="187"/>
      <c r="J27" s="835"/>
      <c r="K27" s="16" t="s">
        <v>855</v>
      </c>
      <c r="L27" s="72">
        <v>1.3888888888888889E-3</v>
      </c>
      <c r="M27" s="394">
        <v>0.31805555555555548</v>
      </c>
      <c r="N27" s="399">
        <v>0.45833333333333331</v>
      </c>
      <c r="O27" s="399">
        <v>0.57291666666666596</v>
      </c>
      <c r="P27" s="399">
        <v>0.70208333333333328</v>
      </c>
      <c r="Q27" s="400">
        <v>0.7618055555555554</v>
      </c>
    </row>
    <row r="28" spans="1:17" ht="15.95" customHeight="1" x14ac:dyDescent="0.15">
      <c r="A28" s="836"/>
      <c r="B28" s="412" t="s">
        <v>233</v>
      </c>
      <c r="C28" s="397">
        <v>0</v>
      </c>
      <c r="D28" s="244">
        <v>0.4368055555555555</v>
      </c>
      <c r="E28" s="244">
        <v>0.55069444444444449</v>
      </c>
      <c r="F28" s="244">
        <v>0.6694444444444434</v>
      </c>
      <c r="G28" s="392">
        <v>0.73819444444444438</v>
      </c>
      <c r="H28" s="393">
        <v>0.80069444444444438</v>
      </c>
      <c r="I28" s="187"/>
      <c r="J28" s="835"/>
      <c r="K28" s="408" t="s">
        <v>854</v>
      </c>
      <c r="L28" s="72">
        <v>6.9444444444444447E-4</v>
      </c>
      <c r="M28" s="394">
        <v>0.31874999999999998</v>
      </c>
      <c r="N28" s="399">
        <v>0.45902777777777781</v>
      </c>
      <c r="O28" s="399">
        <v>0.57361111111111041</v>
      </c>
      <c r="P28" s="399">
        <v>0.70277777777777772</v>
      </c>
      <c r="Q28" s="400">
        <v>0.76249999999999996</v>
      </c>
    </row>
    <row r="29" spans="1:17" ht="15.95" customHeight="1" x14ac:dyDescent="0.15">
      <c r="A29" s="836"/>
      <c r="B29" s="412" t="s">
        <v>232</v>
      </c>
      <c r="C29" s="397">
        <v>6.9444444444444447E-4</v>
      </c>
      <c r="D29" s="244">
        <v>0.4375</v>
      </c>
      <c r="E29" s="244">
        <v>0.55138888888888882</v>
      </c>
      <c r="F29" s="244">
        <v>0.67013888888888784</v>
      </c>
      <c r="G29" s="392">
        <v>0.73888888888888882</v>
      </c>
      <c r="H29" s="393">
        <v>0.80138888888888893</v>
      </c>
      <c r="I29" s="187"/>
      <c r="J29" s="835"/>
      <c r="K29" s="413" t="s">
        <v>853</v>
      </c>
      <c r="L29" s="72">
        <v>6.9444444444444447E-4</v>
      </c>
      <c r="M29" s="394">
        <v>0.31944444444444436</v>
      </c>
      <c r="N29" s="399">
        <v>0.4597222222222222</v>
      </c>
      <c r="O29" s="399">
        <v>0.57430555555555485</v>
      </c>
      <c r="P29" s="399">
        <v>0.70347222222222217</v>
      </c>
      <c r="Q29" s="400">
        <v>0.76319444444444429</v>
      </c>
    </row>
    <row r="30" spans="1:17" ht="15.95" customHeight="1" x14ac:dyDescent="0.15">
      <c r="A30" s="836"/>
      <c r="B30" s="412" t="s">
        <v>231</v>
      </c>
      <c r="C30" s="391">
        <v>6.9444444444444447E-4</v>
      </c>
      <c r="D30" s="244">
        <v>0.4381944444444445</v>
      </c>
      <c r="E30" s="244">
        <v>0.55208333333333337</v>
      </c>
      <c r="F30" s="244">
        <v>0.67083333333333228</v>
      </c>
      <c r="G30" s="392">
        <v>0.73958333333333326</v>
      </c>
      <c r="H30" s="393">
        <v>0.80208333333333337</v>
      </c>
      <c r="I30" s="187"/>
      <c r="J30" s="836"/>
      <c r="K30" s="414" t="s">
        <v>98</v>
      </c>
      <c r="L30" s="415">
        <v>6.9444444444444447E-4</v>
      </c>
      <c r="M30" s="394">
        <v>0.32013888888888892</v>
      </c>
      <c r="N30" s="399">
        <v>0.4604166666666667</v>
      </c>
      <c r="O30" s="399">
        <v>0.57499999999999996</v>
      </c>
      <c r="P30" s="399">
        <v>0.70416666666666661</v>
      </c>
      <c r="Q30" s="400">
        <v>0.76388888888888884</v>
      </c>
    </row>
    <row r="31" spans="1:17" ht="15.95" customHeight="1" x14ac:dyDescent="0.15">
      <c r="A31" s="836"/>
      <c r="B31" s="412" t="s">
        <v>852</v>
      </c>
      <c r="C31" s="391">
        <v>6.9444444444444447E-4</v>
      </c>
      <c r="D31" s="244">
        <v>0.43888888888888888</v>
      </c>
      <c r="E31" s="244">
        <v>0.55277777777777781</v>
      </c>
      <c r="F31" s="244">
        <v>0.67152777777777672</v>
      </c>
      <c r="G31" s="392">
        <v>0.7402777777777777</v>
      </c>
      <c r="H31" s="393">
        <v>0.8027777777777777</v>
      </c>
      <c r="I31" s="187"/>
      <c r="J31" s="836"/>
      <c r="K31" s="416" t="s">
        <v>826</v>
      </c>
      <c r="L31" s="415">
        <v>2.7777777777777779E-3</v>
      </c>
      <c r="M31" s="394">
        <v>0.32291666666666669</v>
      </c>
      <c r="N31" s="399" t="s">
        <v>864</v>
      </c>
      <c r="O31" s="399" t="s">
        <v>864</v>
      </c>
      <c r="P31" s="399" t="s">
        <v>864</v>
      </c>
      <c r="Q31" s="400">
        <v>0.76666666666666661</v>
      </c>
    </row>
    <row r="32" spans="1:17" ht="15.95" customHeight="1" x14ac:dyDescent="0.15">
      <c r="A32" s="836"/>
      <c r="B32" s="412" t="s">
        <v>851</v>
      </c>
      <c r="C32" s="391">
        <v>6.9444444444444447E-4</v>
      </c>
      <c r="D32" s="244">
        <v>0.43958333333333338</v>
      </c>
      <c r="E32" s="244">
        <v>0.55347222222222225</v>
      </c>
      <c r="F32" s="244">
        <v>0.67222222222222217</v>
      </c>
      <c r="G32" s="392">
        <v>0.74097222222222225</v>
      </c>
      <c r="H32" s="393">
        <v>0.80347222222222225</v>
      </c>
      <c r="I32" s="187"/>
      <c r="J32" s="836"/>
      <c r="K32" s="417" t="s">
        <v>100</v>
      </c>
      <c r="L32" s="415">
        <v>2.7777777777777779E-3</v>
      </c>
      <c r="M32" s="394">
        <v>0.32569444444444445</v>
      </c>
      <c r="N32" s="418">
        <v>0.46319444444444446</v>
      </c>
      <c r="O32" s="418">
        <v>0.57777777777777783</v>
      </c>
      <c r="P32" s="418">
        <v>0.70694444444444438</v>
      </c>
      <c r="Q32" s="419">
        <v>0.76944444444444438</v>
      </c>
    </row>
    <row r="33" spans="1:17" ht="15" customHeight="1" x14ac:dyDescent="0.15">
      <c r="A33" s="187"/>
      <c r="B33" s="187"/>
      <c r="C33" s="187"/>
      <c r="D33" s="187"/>
      <c r="E33" s="187"/>
      <c r="F33" s="187"/>
      <c r="G33" s="187"/>
      <c r="H33" s="187"/>
      <c r="I33" s="187"/>
      <c r="J33" s="187"/>
      <c r="K33" s="187"/>
      <c r="L33" s="187"/>
      <c r="M33" s="187"/>
      <c r="N33" s="187"/>
      <c r="O33" s="187"/>
      <c r="P33" s="187"/>
      <c r="Q33" s="187"/>
    </row>
    <row r="34" spans="1:17" ht="15" customHeight="1" x14ac:dyDescent="0.15">
      <c r="A34" s="187"/>
      <c r="B34" s="187"/>
      <c r="C34" s="187"/>
      <c r="D34" s="187"/>
      <c r="E34" s="187"/>
      <c r="F34" s="187"/>
      <c r="G34" s="187"/>
      <c r="H34" s="187"/>
      <c r="I34" s="187"/>
      <c r="J34" s="187"/>
      <c r="K34" s="187"/>
      <c r="L34" s="187"/>
      <c r="M34" s="187"/>
      <c r="N34" s="187"/>
      <c r="O34" s="187"/>
      <c r="P34" s="187"/>
      <c r="Q34" s="187"/>
    </row>
    <row r="35" spans="1:17" ht="15" customHeight="1" x14ac:dyDescent="0.15">
      <c r="A35" s="187"/>
      <c r="B35" s="187"/>
      <c r="C35" s="187"/>
      <c r="D35" s="187"/>
      <c r="E35" s="187"/>
      <c r="F35" s="187"/>
      <c r="G35" s="187"/>
      <c r="H35" s="187"/>
      <c r="I35" s="187"/>
      <c r="J35" s="832"/>
      <c r="K35" s="832"/>
      <c r="L35" s="832"/>
      <c r="M35" s="832"/>
      <c r="N35" s="832"/>
      <c r="O35" s="832"/>
      <c r="P35" s="832"/>
      <c r="Q35" s="832"/>
    </row>
    <row r="36" spans="1:17" ht="15" customHeight="1" x14ac:dyDescent="0.15">
      <c r="A36" s="832"/>
      <c r="B36" s="832"/>
      <c r="C36" s="832"/>
      <c r="D36" s="832"/>
      <c r="E36" s="832"/>
      <c r="F36" s="832"/>
      <c r="G36" s="832"/>
      <c r="H36" s="832"/>
      <c r="I36" s="187"/>
      <c r="J36" s="832"/>
      <c r="K36" s="832"/>
      <c r="L36" s="832"/>
      <c r="M36" s="832"/>
      <c r="N36" s="832"/>
      <c r="O36" s="832"/>
      <c r="P36" s="832"/>
      <c r="Q36" s="832"/>
    </row>
    <row r="37" spans="1:17" ht="15" customHeight="1" x14ac:dyDescent="0.15">
      <c r="A37" s="832"/>
      <c r="B37" s="832"/>
      <c r="C37" s="832"/>
      <c r="D37" s="832"/>
      <c r="E37" s="832"/>
      <c r="F37" s="832"/>
      <c r="G37" s="832"/>
      <c r="H37" s="832"/>
      <c r="I37" s="187"/>
      <c r="J37" s="187"/>
      <c r="K37" s="187"/>
      <c r="L37" s="187"/>
      <c r="M37" s="187"/>
      <c r="N37" s="187"/>
      <c r="O37" s="187"/>
      <c r="P37" s="187"/>
      <c r="Q37" s="187"/>
    </row>
  </sheetData>
  <mergeCells count="5">
    <mergeCell ref="B1:Q1"/>
    <mergeCell ref="A3:A32"/>
    <mergeCell ref="J3:J32"/>
    <mergeCell ref="J35:Q36"/>
    <mergeCell ref="A36:H37"/>
  </mergeCells>
  <phoneticPr fontId="3"/>
  <printOptions horizontalCentered="1" verticalCentered="1"/>
  <pageMargins left="0.35433070866141736" right="0.35433070866141736" top="0.39370078740157483" bottom="0.39370078740157483" header="0.51181102362204722" footer="0.51181102362204722"/>
  <pageSetup paperSize="9" orientation="landscape" r:id="rId1"/>
  <headerFooter alignWithMargins="0">
    <oddFooter xml:space="preserve">&amp;C&amp;16 </oddFooter>
  </headerFooter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53"/>
  <sheetViews>
    <sheetView view="pageBreakPreview" zoomScaleNormal="100" zoomScaleSheetLayoutView="100" workbookViewId="0">
      <selection activeCell="G4" sqref="G4"/>
    </sheetView>
  </sheetViews>
  <sheetFormatPr defaultRowHeight="13.5" x14ac:dyDescent="0.15"/>
  <cols>
    <col min="1" max="1" width="3.875" style="420" customWidth="1"/>
    <col min="2" max="2" width="22.625" style="421" customWidth="1"/>
    <col min="3" max="6" width="9" style="422"/>
    <col min="7" max="16384" width="9" style="480"/>
  </cols>
  <sheetData>
    <row r="1" spans="1:11" ht="23.25" customHeight="1" x14ac:dyDescent="0.25">
      <c r="A1" s="423"/>
      <c r="B1" s="838" t="s">
        <v>865</v>
      </c>
      <c r="C1" s="838"/>
      <c r="D1" s="838"/>
      <c r="E1" s="838"/>
      <c r="F1" s="838"/>
    </row>
    <row r="2" spans="1:11" ht="24" x14ac:dyDescent="0.25">
      <c r="B2" s="838" t="s">
        <v>866</v>
      </c>
      <c r="C2" s="838"/>
      <c r="D2" s="838"/>
      <c r="E2" s="838"/>
      <c r="F2" s="838"/>
    </row>
    <row r="3" spans="1:11" ht="14.25" thickBot="1" x14ac:dyDescent="0.2">
      <c r="K3" s="686"/>
    </row>
    <row r="4" spans="1:11" s="481" customFormat="1" ht="17.25" customHeight="1" thickBot="1" x14ac:dyDescent="0.2">
      <c r="A4" s="839" t="s">
        <v>867</v>
      </c>
      <c r="B4" s="424" t="s">
        <v>178</v>
      </c>
      <c r="C4" s="425" t="s">
        <v>2</v>
      </c>
      <c r="D4" s="426" t="s">
        <v>3</v>
      </c>
      <c r="E4" s="426" t="s">
        <v>4</v>
      </c>
      <c r="F4" s="427" t="s">
        <v>5</v>
      </c>
    </row>
    <row r="5" spans="1:11" ht="14.25" thickTop="1" x14ac:dyDescent="0.15">
      <c r="A5" s="840"/>
      <c r="B5" s="428" t="s">
        <v>868</v>
      </c>
      <c r="C5" s="429">
        <v>930</v>
      </c>
      <c r="D5" s="430">
        <v>1130</v>
      </c>
      <c r="E5" s="430">
        <v>1330</v>
      </c>
      <c r="F5" s="431">
        <v>1530</v>
      </c>
    </row>
    <row r="6" spans="1:11" x14ac:dyDescent="0.15">
      <c r="A6" s="840"/>
      <c r="B6" s="432" t="s">
        <v>219</v>
      </c>
      <c r="C6" s="433">
        <v>945</v>
      </c>
      <c r="D6" s="434">
        <v>1145</v>
      </c>
      <c r="E6" s="434">
        <v>1345</v>
      </c>
      <c r="F6" s="435">
        <v>1545</v>
      </c>
    </row>
    <row r="7" spans="1:11" x14ac:dyDescent="0.15">
      <c r="A7" s="840"/>
      <c r="B7" s="432" t="s">
        <v>869</v>
      </c>
      <c r="C7" s="433">
        <v>946</v>
      </c>
      <c r="D7" s="434">
        <v>1146</v>
      </c>
      <c r="E7" s="434">
        <v>1346</v>
      </c>
      <c r="F7" s="435">
        <v>1546</v>
      </c>
    </row>
    <row r="8" spans="1:11" x14ac:dyDescent="0.15">
      <c r="A8" s="840"/>
      <c r="B8" s="432" t="s">
        <v>870</v>
      </c>
      <c r="C8" s="433">
        <v>947</v>
      </c>
      <c r="D8" s="434">
        <v>1147</v>
      </c>
      <c r="E8" s="434">
        <v>1347</v>
      </c>
      <c r="F8" s="435">
        <v>1547</v>
      </c>
    </row>
    <row r="9" spans="1:11" x14ac:dyDescent="0.15">
      <c r="A9" s="840"/>
      <c r="B9" s="432" t="s">
        <v>283</v>
      </c>
      <c r="C9" s="433">
        <v>948</v>
      </c>
      <c r="D9" s="434">
        <v>1148</v>
      </c>
      <c r="E9" s="434">
        <v>1348</v>
      </c>
      <c r="F9" s="435">
        <v>1548</v>
      </c>
    </row>
    <row r="10" spans="1:11" x14ac:dyDescent="0.15">
      <c r="A10" s="840"/>
      <c r="B10" s="432" t="s">
        <v>233</v>
      </c>
      <c r="C10" s="433">
        <v>949</v>
      </c>
      <c r="D10" s="434">
        <v>1149</v>
      </c>
      <c r="E10" s="434">
        <v>1349</v>
      </c>
      <c r="F10" s="435">
        <v>1549</v>
      </c>
    </row>
    <row r="11" spans="1:11" x14ac:dyDescent="0.15">
      <c r="A11" s="840"/>
      <c r="B11" s="432" t="s">
        <v>234</v>
      </c>
      <c r="C11" s="433">
        <v>949</v>
      </c>
      <c r="D11" s="434">
        <v>1149</v>
      </c>
      <c r="E11" s="434">
        <v>1349</v>
      </c>
      <c r="F11" s="435">
        <v>1549</v>
      </c>
    </row>
    <row r="12" spans="1:11" x14ac:dyDescent="0.15">
      <c r="A12" s="840"/>
      <c r="B12" s="432" t="s">
        <v>364</v>
      </c>
      <c r="C12" s="433">
        <v>950</v>
      </c>
      <c r="D12" s="434">
        <v>1150</v>
      </c>
      <c r="E12" s="434">
        <v>1350</v>
      </c>
      <c r="F12" s="435">
        <v>1550</v>
      </c>
    </row>
    <row r="13" spans="1:11" x14ac:dyDescent="0.15">
      <c r="A13" s="840"/>
      <c r="B13" s="432" t="s">
        <v>236</v>
      </c>
      <c r="C13" s="433">
        <v>951</v>
      </c>
      <c r="D13" s="434">
        <v>1151</v>
      </c>
      <c r="E13" s="434">
        <v>1351</v>
      </c>
      <c r="F13" s="435">
        <v>1551</v>
      </c>
    </row>
    <row r="14" spans="1:11" x14ac:dyDescent="0.15">
      <c r="A14" s="840"/>
      <c r="B14" s="432" t="s">
        <v>238</v>
      </c>
      <c r="C14" s="433">
        <v>951</v>
      </c>
      <c r="D14" s="434">
        <v>1151</v>
      </c>
      <c r="E14" s="434">
        <v>1351</v>
      </c>
      <c r="F14" s="435">
        <v>1551</v>
      </c>
    </row>
    <row r="15" spans="1:11" x14ac:dyDescent="0.15">
      <c r="A15" s="840"/>
      <c r="B15" s="432" t="s">
        <v>240</v>
      </c>
      <c r="C15" s="433">
        <v>951</v>
      </c>
      <c r="D15" s="434">
        <v>1151</v>
      </c>
      <c r="E15" s="434">
        <v>1351</v>
      </c>
      <c r="F15" s="435">
        <v>1551</v>
      </c>
    </row>
    <row r="16" spans="1:11" x14ac:dyDescent="0.15">
      <c r="A16" s="840"/>
      <c r="B16" s="432" t="s">
        <v>241</v>
      </c>
      <c r="C16" s="433">
        <v>952</v>
      </c>
      <c r="D16" s="434">
        <v>1152</v>
      </c>
      <c r="E16" s="434">
        <v>1352</v>
      </c>
      <c r="F16" s="435">
        <v>1552</v>
      </c>
    </row>
    <row r="17" spans="1:6" x14ac:dyDescent="0.15">
      <c r="A17" s="840"/>
      <c r="B17" s="432" t="s">
        <v>243</v>
      </c>
      <c r="C17" s="433">
        <v>952</v>
      </c>
      <c r="D17" s="434">
        <v>1152</v>
      </c>
      <c r="E17" s="434">
        <v>1352</v>
      </c>
      <c r="F17" s="435">
        <v>1552</v>
      </c>
    </row>
    <row r="18" spans="1:6" x14ac:dyDescent="0.15">
      <c r="A18" s="840"/>
      <c r="B18" s="432" t="s">
        <v>871</v>
      </c>
      <c r="C18" s="433">
        <v>953</v>
      </c>
      <c r="D18" s="434">
        <v>1153</v>
      </c>
      <c r="E18" s="434">
        <v>1353</v>
      </c>
      <c r="F18" s="435">
        <v>1553</v>
      </c>
    </row>
    <row r="19" spans="1:6" x14ac:dyDescent="0.15">
      <c r="A19" s="840"/>
      <c r="B19" s="432" t="s">
        <v>872</v>
      </c>
      <c r="C19" s="433">
        <v>953</v>
      </c>
      <c r="D19" s="434">
        <v>1153</v>
      </c>
      <c r="E19" s="434">
        <v>1353</v>
      </c>
      <c r="F19" s="435">
        <v>1553</v>
      </c>
    </row>
    <row r="20" spans="1:6" x14ac:dyDescent="0.15">
      <c r="A20" s="840"/>
      <c r="B20" s="432" t="s">
        <v>251</v>
      </c>
      <c r="C20" s="433">
        <v>954</v>
      </c>
      <c r="D20" s="434">
        <v>1154</v>
      </c>
      <c r="E20" s="434">
        <v>1354</v>
      </c>
      <c r="F20" s="435">
        <v>1554</v>
      </c>
    </row>
    <row r="21" spans="1:6" x14ac:dyDescent="0.15">
      <c r="A21" s="840"/>
      <c r="B21" s="432" t="s">
        <v>264</v>
      </c>
      <c r="C21" s="433">
        <v>955</v>
      </c>
      <c r="D21" s="434">
        <v>1155</v>
      </c>
      <c r="E21" s="434">
        <v>1355</v>
      </c>
      <c r="F21" s="435">
        <v>1555</v>
      </c>
    </row>
    <row r="22" spans="1:6" x14ac:dyDescent="0.15">
      <c r="A22" s="840"/>
      <c r="B22" s="432" t="s">
        <v>255</v>
      </c>
      <c r="C22" s="433">
        <v>956</v>
      </c>
      <c r="D22" s="434">
        <v>1156</v>
      </c>
      <c r="E22" s="434">
        <v>1356</v>
      </c>
      <c r="F22" s="435">
        <v>1556</v>
      </c>
    </row>
    <row r="23" spans="1:6" x14ac:dyDescent="0.15">
      <c r="A23" s="840"/>
      <c r="B23" s="432" t="s">
        <v>23</v>
      </c>
      <c r="C23" s="433">
        <v>1006</v>
      </c>
      <c r="D23" s="434">
        <v>1206</v>
      </c>
      <c r="E23" s="434">
        <v>1406</v>
      </c>
      <c r="F23" s="435">
        <v>1606</v>
      </c>
    </row>
    <row r="24" spans="1:6" x14ac:dyDescent="0.15">
      <c r="A24" s="840"/>
      <c r="B24" s="432" t="s">
        <v>873</v>
      </c>
      <c r="C24" s="433">
        <v>1009</v>
      </c>
      <c r="D24" s="434">
        <v>1209</v>
      </c>
      <c r="E24" s="434">
        <v>1409</v>
      </c>
      <c r="F24" s="435">
        <v>1609</v>
      </c>
    </row>
    <row r="25" spans="1:6" ht="14.25" thickBot="1" x14ac:dyDescent="0.2">
      <c r="A25" s="841"/>
      <c r="B25" s="436" t="s">
        <v>122</v>
      </c>
      <c r="C25" s="437">
        <v>1011</v>
      </c>
      <c r="D25" s="438">
        <v>1211</v>
      </c>
      <c r="E25" s="438">
        <v>1411</v>
      </c>
      <c r="F25" s="439">
        <v>1611</v>
      </c>
    </row>
    <row r="26" spans="1:6" x14ac:dyDescent="0.15">
      <c r="A26" s="421" t="s">
        <v>874</v>
      </c>
    </row>
    <row r="27" spans="1:6" ht="14.25" thickBot="1" x14ac:dyDescent="0.2">
      <c r="A27" s="421"/>
    </row>
    <row r="28" spans="1:6" s="481" customFormat="1" ht="17.25" customHeight="1" thickBot="1" x14ac:dyDescent="0.2">
      <c r="A28" s="839" t="s">
        <v>875</v>
      </c>
      <c r="B28" s="424" t="s">
        <v>178</v>
      </c>
      <c r="C28" s="425" t="s">
        <v>2</v>
      </c>
      <c r="D28" s="426" t="s">
        <v>3</v>
      </c>
      <c r="E28" s="426" t="s">
        <v>4</v>
      </c>
      <c r="F28" s="427" t="s">
        <v>5</v>
      </c>
    </row>
    <row r="29" spans="1:6" ht="14.25" thickTop="1" x14ac:dyDescent="0.15">
      <c r="A29" s="840"/>
      <c r="B29" s="428" t="s">
        <v>122</v>
      </c>
      <c r="C29" s="429">
        <v>1045</v>
      </c>
      <c r="D29" s="430">
        <v>1245</v>
      </c>
      <c r="E29" s="430">
        <v>1445</v>
      </c>
      <c r="F29" s="431">
        <v>1645</v>
      </c>
    </row>
    <row r="30" spans="1:6" x14ac:dyDescent="0.15">
      <c r="A30" s="840"/>
      <c r="B30" s="432" t="s">
        <v>873</v>
      </c>
      <c r="C30" s="433">
        <v>1047</v>
      </c>
      <c r="D30" s="434">
        <v>1247</v>
      </c>
      <c r="E30" s="434">
        <v>1447</v>
      </c>
      <c r="F30" s="435">
        <v>1647</v>
      </c>
    </row>
    <row r="31" spans="1:6" x14ac:dyDescent="0.15">
      <c r="A31" s="840"/>
      <c r="B31" s="432" t="s">
        <v>23</v>
      </c>
      <c r="C31" s="433">
        <v>1049</v>
      </c>
      <c r="D31" s="434">
        <v>1249</v>
      </c>
      <c r="E31" s="434">
        <v>1449</v>
      </c>
      <c r="F31" s="435">
        <v>1649</v>
      </c>
    </row>
    <row r="32" spans="1:6" x14ac:dyDescent="0.15">
      <c r="A32" s="840"/>
      <c r="B32" s="432" t="s">
        <v>255</v>
      </c>
      <c r="C32" s="433">
        <v>1059</v>
      </c>
      <c r="D32" s="434">
        <v>1259</v>
      </c>
      <c r="E32" s="434">
        <v>1459</v>
      </c>
      <c r="F32" s="435">
        <v>1659</v>
      </c>
    </row>
    <row r="33" spans="1:6" x14ac:dyDescent="0.15">
      <c r="A33" s="840"/>
      <c r="B33" s="432" t="s">
        <v>264</v>
      </c>
      <c r="C33" s="433">
        <v>1100</v>
      </c>
      <c r="D33" s="434">
        <v>1300</v>
      </c>
      <c r="E33" s="434">
        <v>1500</v>
      </c>
      <c r="F33" s="435">
        <v>1700</v>
      </c>
    </row>
    <row r="34" spans="1:6" x14ac:dyDescent="0.15">
      <c r="A34" s="840"/>
      <c r="B34" s="432" t="s">
        <v>251</v>
      </c>
      <c r="C34" s="433">
        <v>1101</v>
      </c>
      <c r="D34" s="434">
        <v>1301</v>
      </c>
      <c r="E34" s="434">
        <v>1501</v>
      </c>
      <c r="F34" s="435">
        <v>1701</v>
      </c>
    </row>
    <row r="35" spans="1:6" x14ac:dyDescent="0.15">
      <c r="A35" s="840"/>
      <c r="B35" s="432" t="s">
        <v>872</v>
      </c>
      <c r="C35" s="433">
        <v>1102</v>
      </c>
      <c r="D35" s="434">
        <v>1302</v>
      </c>
      <c r="E35" s="434">
        <v>1502</v>
      </c>
      <c r="F35" s="435">
        <v>1702</v>
      </c>
    </row>
    <row r="36" spans="1:6" x14ac:dyDescent="0.15">
      <c r="A36" s="840"/>
      <c r="B36" s="432" t="s">
        <v>247</v>
      </c>
      <c r="C36" s="433">
        <v>1102</v>
      </c>
      <c r="D36" s="434">
        <v>1302</v>
      </c>
      <c r="E36" s="434">
        <v>1502</v>
      </c>
      <c r="F36" s="435">
        <v>1702</v>
      </c>
    </row>
    <row r="37" spans="1:6" x14ac:dyDescent="0.15">
      <c r="A37" s="840"/>
      <c r="B37" s="432" t="s">
        <v>357</v>
      </c>
      <c r="C37" s="433">
        <v>1103</v>
      </c>
      <c r="D37" s="434">
        <v>1303</v>
      </c>
      <c r="E37" s="434">
        <v>1503</v>
      </c>
      <c r="F37" s="435">
        <v>1703</v>
      </c>
    </row>
    <row r="38" spans="1:6" x14ac:dyDescent="0.15">
      <c r="A38" s="840"/>
      <c r="B38" s="432" t="s">
        <v>241</v>
      </c>
      <c r="C38" s="433">
        <v>1103</v>
      </c>
      <c r="D38" s="434">
        <v>1303</v>
      </c>
      <c r="E38" s="434">
        <v>1503</v>
      </c>
      <c r="F38" s="435">
        <v>1703</v>
      </c>
    </row>
    <row r="39" spans="1:6" x14ac:dyDescent="0.15">
      <c r="A39" s="840"/>
      <c r="B39" s="432" t="s">
        <v>240</v>
      </c>
      <c r="C39" s="433">
        <v>1104</v>
      </c>
      <c r="D39" s="434">
        <v>1304</v>
      </c>
      <c r="E39" s="434">
        <v>1504</v>
      </c>
      <c r="F39" s="435">
        <v>1704</v>
      </c>
    </row>
    <row r="40" spans="1:6" x14ac:dyDescent="0.15">
      <c r="A40" s="840"/>
      <c r="B40" s="432" t="s">
        <v>238</v>
      </c>
      <c r="C40" s="433">
        <v>1104</v>
      </c>
      <c r="D40" s="434">
        <v>1304</v>
      </c>
      <c r="E40" s="434">
        <v>1504</v>
      </c>
      <c r="F40" s="435">
        <v>1704</v>
      </c>
    </row>
    <row r="41" spans="1:6" x14ac:dyDescent="0.15">
      <c r="A41" s="840"/>
      <c r="B41" s="432" t="s">
        <v>876</v>
      </c>
      <c r="C41" s="433">
        <v>1104</v>
      </c>
      <c r="D41" s="434">
        <v>1304</v>
      </c>
      <c r="E41" s="434">
        <v>1504</v>
      </c>
      <c r="F41" s="435">
        <v>1704</v>
      </c>
    </row>
    <row r="42" spans="1:6" x14ac:dyDescent="0.15">
      <c r="A42" s="840"/>
      <c r="B42" s="432" t="s">
        <v>364</v>
      </c>
      <c r="C42" s="433">
        <v>1105</v>
      </c>
      <c r="D42" s="434">
        <v>1305</v>
      </c>
      <c r="E42" s="434">
        <v>1505</v>
      </c>
      <c r="F42" s="435">
        <v>1705</v>
      </c>
    </row>
    <row r="43" spans="1:6" x14ac:dyDescent="0.15">
      <c r="A43" s="840"/>
      <c r="B43" s="432" t="s">
        <v>234</v>
      </c>
      <c r="C43" s="433">
        <v>1106</v>
      </c>
      <c r="D43" s="434">
        <v>1306</v>
      </c>
      <c r="E43" s="434">
        <v>1506</v>
      </c>
      <c r="F43" s="435">
        <v>1706</v>
      </c>
    </row>
    <row r="44" spans="1:6" x14ac:dyDescent="0.15">
      <c r="A44" s="840"/>
      <c r="B44" s="432" t="s">
        <v>233</v>
      </c>
      <c r="C44" s="433">
        <v>1106</v>
      </c>
      <c r="D44" s="434">
        <v>1306</v>
      </c>
      <c r="E44" s="434">
        <v>1506</v>
      </c>
      <c r="F44" s="435">
        <v>1706</v>
      </c>
    </row>
    <row r="45" spans="1:6" x14ac:dyDescent="0.15">
      <c r="A45" s="840"/>
      <c r="B45" s="432" t="s">
        <v>283</v>
      </c>
      <c r="C45" s="433">
        <v>1107</v>
      </c>
      <c r="D45" s="434">
        <v>1307</v>
      </c>
      <c r="E45" s="434">
        <v>1507</v>
      </c>
      <c r="F45" s="435">
        <v>1707</v>
      </c>
    </row>
    <row r="46" spans="1:6" x14ac:dyDescent="0.15">
      <c r="A46" s="840"/>
      <c r="B46" s="432" t="s">
        <v>870</v>
      </c>
      <c r="C46" s="433">
        <v>1108</v>
      </c>
      <c r="D46" s="434">
        <v>1308</v>
      </c>
      <c r="E46" s="434">
        <v>1508</v>
      </c>
      <c r="F46" s="435">
        <v>1708</v>
      </c>
    </row>
    <row r="47" spans="1:6" x14ac:dyDescent="0.15">
      <c r="A47" s="840"/>
      <c r="B47" s="432" t="s">
        <v>869</v>
      </c>
      <c r="C47" s="433">
        <v>1109</v>
      </c>
      <c r="D47" s="434">
        <v>1309</v>
      </c>
      <c r="E47" s="434">
        <v>1509</v>
      </c>
      <c r="F47" s="435">
        <v>1709</v>
      </c>
    </row>
    <row r="48" spans="1:6" x14ac:dyDescent="0.15">
      <c r="A48" s="840"/>
      <c r="B48" s="432" t="s">
        <v>219</v>
      </c>
      <c r="C48" s="433">
        <v>1110</v>
      </c>
      <c r="D48" s="434">
        <v>1310</v>
      </c>
      <c r="E48" s="434">
        <v>1510</v>
      </c>
      <c r="F48" s="435">
        <v>1710</v>
      </c>
    </row>
    <row r="49" spans="1:6" ht="19.5" customHeight="1" thickBot="1" x14ac:dyDescent="0.2">
      <c r="A49" s="841"/>
      <c r="B49" s="436" t="s">
        <v>877</v>
      </c>
      <c r="C49" s="437">
        <v>1125</v>
      </c>
      <c r="D49" s="438">
        <v>1325</v>
      </c>
      <c r="E49" s="438">
        <v>1525</v>
      </c>
      <c r="F49" s="439">
        <v>1725</v>
      </c>
    </row>
    <row r="50" spans="1:6" s="421" customFormat="1" ht="37.5" customHeight="1" x14ac:dyDescent="0.15">
      <c r="A50" s="837" t="s">
        <v>878</v>
      </c>
      <c r="B50" s="837"/>
      <c r="C50" s="837"/>
      <c r="D50" s="837"/>
      <c r="E50" s="837"/>
      <c r="F50" s="837"/>
    </row>
    <row r="51" spans="1:6" s="421" customFormat="1" x14ac:dyDescent="0.15">
      <c r="A51" s="440"/>
      <c r="B51" s="441"/>
      <c r="C51" s="442"/>
      <c r="D51" s="442"/>
      <c r="E51" s="442"/>
      <c r="F51" s="442"/>
    </row>
    <row r="52" spans="1:6" x14ac:dyDescent="0.15">
      <c r="A52" s="421"/>
    </row>
    <row r="53" spans="1:6" x14ac:dyDescent="0.15">
      <c r="A53" s="421"/>
    </row>
  </sheetData>
  <mergeCells count="5">
    <mergeCell ref="A50:F50"/>
    <mergeCell ref="B1:F1"/>
    <mergeCell ref="B2:F2"/>
    <mergeCell ref="A4:A25"/>
    <mergeCell ref="A28:A49"/>
  </mergeCells>
  <phoneticPr fontId="3"/>
  <pageMargins left="0.70866141732283472" right="0.70866141732283472" top="0.74803149606299213" bottom="0.74803149606299213" header="0.31496062992125984" footer="0.31496062992125984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75"/>
  <sheetViews>
    <sheetView showGridLines="0" view="pageBreakPreview" zoomScale="70" zoomScaleNormal="100" zoomScaleSheetLayoutView="70" workbookViewId="0">
      <selection activeCell="H7" sqref="H7"/>
    </sheetView>
  </sheetViews>
  <sheetFormatPr defaultColWidth="23.5" defaultRowHeight="13.5" x14ac:dyDescent="0.15"/>
  <cols>
    <col min="1" max="1" width="4.125" style="186" customWidth="1"/>
    <col min="2" max="2" width="20.625" style="186" customWidth="1"/>
    <col min="3" max="4" width="7.625" style="478" customWidth="1"/>
    <col min="5" max="11" width="7.625" style="382" customWidth="1"/>
    <col min="12" max="13" width="7.625" style="478" customWidth="1"/>
    <col min="14" max="14" width="3.625" style="186" customWidth="1"/>
    <col min="15" max="15" width="4.125" style="186" customWidth="1"/>
    <col min="16" max="16" width="20.625" style="186" customWidth="1"/>
    <col min="17" max="27" width="7.625" style="478" customWidth="1"/>
    <col min="28" max="28" width="11" style="186" customWidth="1"/>
    <col min="29" max="16384" width="23.5" style="186"/>
  </cols>
  <sheetData>
    <row r="1" spans="1:27" ht="29.25" customHeight="1" x14ac:dyDescent="0.15">
      <c r="A1" s="1"/>
      <c r="B1" s="721" t="s">
        <v>880</v>
      </c>
      <c r="C1" s="722"/>
      <c r="D1" s="722"/>
      <c r="E1" s="722"/>
      <c r="F1" s="722"/>
      <c r="G1" s="722"/>
      <c r="H1" s="722"/>
      <c r="I1" s="722"/>
      <c r="J1" s="722"/>
      <c r="K1" s="722"/>
      <c r="L1" s="722"/>
      <c r="M1" s="722"/>
      <c r="N1" s="722"/>
      <c r="O1" s="722"/>
      <c r="P1" s="722"/>
      <c r="Q1" s="722"/>
      <c r="R1" s="722"/>
      <c r="S1" s="722"/>
      <c r="T1" s="722"/>
      <c r="U1" s="722"/>
      <c r="V1" s="722"/>
      <c r="W1" s="722"/>
      <c r="X1" s="722"/>
      <c r="Y1" s="722"/>
      <c r="Z1" s="722"/>
      <c r="AA1" s="722"/>
    </row>
    <row r="2" spans="1:27" ht="9" customHeight="1" x14ac:dyDescent="0.15">
      <c r="A2" s="187"/>
      <c r="B2" s="187"/>
      <c r="C2" s="382"/>
      <c r="D2" s="382"/>
      <c r="L2" s="382"/>
      <c r="M2" s="382"/>
      <c r="N2" s="187"/>
      <c r="O2" s="187"/>
      <c r="P2" s="187"/>
      <c r="Q2" s="382"/>
      <c r="R2" s="382"/>
      <c r="S2" s="382"/>
      <c r="T2" s="382"/>
      <c r="U2" s="382"/>
      <c r="V2" s="382"/>
      <c r="W2" s="382"/>
      <c r="X2" s="382"/>
      <c r="Y2" s="382"/>
      <c r="Z2" s="382"/>
      <c r="AA2" s="382"/>
    </row>
    <row r="3" spans="1:27" ht="24" customHeight="1" x14ac:dyDescent="0.15">
      <c r="A3" s="723" t="s">
        <v>0</v>
      </c>
      <c r="B3" s="470" t="s">
        <v>1</v>
      </c>
      <c r="C3" s="5" t="s">
        <v>2</v>
      </c>
      <c r="D3" s="6" t="s">
        <v>3</v>
      </c>
      <c r="E3" s="7" t="s">
        <v>4</v>
      </c>
      <c r="F3" s="8" t="s">
        <v>5</v>
      </c>
      <c r="G3" s="8" t="s">
        <v>6</v>
      </c>
      <c r="H3" s="8" t="s">
        <v>7</v>
      </c>
      <c r="I3" s="8" t="s">
        <v>8</v>
      </c>
      <c r="J3" s="8" t="s">
        <v>9</v>
      </c>
      <c r="K3" s="9" t="s">
        <v>10</v>
      </c>
      <c r="L3" s="10" t="s">
        <v>11</v>
      </c>
      <c r="M3" s="10" t="s">
        <v>12</v>
      </c>
      <c r="N3" s="187"/>
      <c r="O3" s="724" t="s">
        <v>13</v>
      </c>
      <c r="P3" s="471" t="s">
        <v>1</v>
      </c>
      <c r="Q3" s="11" t="s">
        <v>2</v>
      </c>
      <c r="R3" s="11" t="s">
        <v>3</v>
      </c>
      <c r="S3" s="12" t="s">
        <v>4</v>
      </c>
      <c r="T3" s="12" t="s">
        <v>5</v>
      </c>
      <c r="U3" s="12" t="s">
        <v>6</v>
      </c>
      <c r="V3" s="12" t="s">
        <v>7</v>
      </c>
      <c r="W3" s="12" t="s">
        <v>8</v>
      </c>
      <c r="X3" s="12" t="s">
        <v>9</v>
      </c>
      <c r="Y3" s="12" t="s">
        <v>10</v>
      </c>
      <c r="Z3" s="11" t="s">
        <v>11</v>
      </c>
      <c r="AA3" s="10" t="s">
        <v>12</v>
      </c>
    </row>
    <row r="4" spans="1:27" ht="24" customHeight="1" x14ac:dyDescent="0.15">
      <c r="A4" s="723"/>
      <c r="B4" s="25" t="s">
        <v>14</v>
      </c>
      <c r="C4" s="14">
        <v>0.3125</v>
      </c>
      <c r="D4" s="11">
        <v>0.34375</v>
      </c>
      <c r="E4" s="15">
        <v>0.38541666666666702</v>
      </c>
      <c r="F4" s="15">
        <v>0.42708333333333298</v>
      </c>
      <c r="G4" s="15">
        <v>0.46875</v>
      </c>
      <c r="H4" s="15">
        <v>0.51041666666666696</v>
      </c>
      <c r="I4" s="15">
        <v>0.55208333333333304</v>
      </c>
      <c r="J4" s="15">
        <v>0.59375</v>
      </c>
      <c r="K4" s="15">
        <v>0.63541666666666696</v>
      </c>
      <c r="L4" s="11">
        <v>0.67708333333333304</v>
      </c>
      <c r="M4" s="11">
        <v>0.71875</v>
      </c>
      <c r="N4" s="187"/>
      <c r="O4" s="724"/>
      <c r="P4" s="16" t="s">
        <v>15</v>
      </c>
      <c r="Q4" s="11">
        <v>0.34375</v>
      </c>
      <c r="R4" s="11">
        <v>0.38541666666666669</v>
      </c>
      <c r="S4" s="12">
        <v>0.42708333333333331</v>
      </c>
      <c r="T4" s="12">
        <v>0.46875</v>
      </c>
      <c r="U4" s="12" t="s">
        <v>16</v>
      </c>
      <c r="V4" s="12">
        <v>0.55208333333333337</v>
      </c>
      <c r="W4" s="12" t="s">
        <v>16</v>
      </c>
      <c r="X4" s="12">
        <v>0.63541666666666663</v>
      </c>
      <c r="Y4" s="12">
        <v>0.67708333333333337</v>
      </c>
      <c r="Z4" s="14">
        <v>0.71875</v>
      </c>
      <c r="AA4" s="11">
        <v>0.76736111111111116</v>
      </c>
    </row>
    <row r="5" spans="1:27" ht="24" customHeight="1" x14ac:dyDescent="0.15">
      <c r="A5" s="723"/>
      <c r="B5" s="25" t="s">
        <v>17</v>
      </c>
      <c r="C5" s="14">
        <v>0.31319444444444444</v>
      </c>
      <c r="D5" s="11">
        <v>0.34513888888888888</v>
      </c>
      <c r="E5" s="15">
        <v>0.38680555555555601</v>
      </c>
      <c r="F5" s="15">
        <v>0.42847222222222198</v>
      </c>
      <c r="G5" s="15">
        <v>0.47013888888888899</v>
      </c>
      <c r="H5" s="15">
        <v>0.51180555555555596</v>
      </c>
      <c r="I5" s="15">
        <v>0.55347222222222203</v>
      </c>
      <c r="J5" s="15">
        <v>0.59513888888888899</v>
      </c>
      <c r="K5" s="15">
        <v>0.63680555555555596</v>
      </c>
      <c r="L5" s="11">
        <v>0.67847222222222203</v>
      </c>
      <c r="M5" s="11">
        <v>0.72013888888888899</v>
      </c>
      <c r="N5" s="187"/>
      <c r="O5" s="724"/>
      <c r="P5" s="16" t="s">
        <v>18</v>
      </c>
      <c r="Q5" s="11">
        <v>0.34375</v>
      </c>
      <c r="R5" s="11">
        <v>0.38541666666666669</v>
      </c>
      <c r="S5" s="12">
        <v>0.42708333333333331</v>
      </c>
      <c r="T5" s="12">
        <v>0.46875</v>
      </c>
      <c r="U5" s="12" t="s">
        <v>16</v>
      </c>
      <c r="V5" s="12">
        <v>0.55208333333333337</v>
      </c>
      <c r="W5" s="12" t="s">
        <v>16</v>
      </c>
      <c r="X5" s="12">
        <v>0.63541666666666663</v>
      </c>
      <c r="Y5" s="12">
        <v>0.67708333333333337</v>
      </c>
      <c r="Z5" s="14">
        <v>0.71875</v>
      </c>
      <c r="AA5" s="11" t="s">
        <v>19</v>
      </c>
    </row>
    <row r="6" spans="1:27" ht="24" customHeight="1" x14ac:dyDescent="0.15">
      <c r="A6" s="723"/>
      <c r="B6" s="472" t="s">
        <v>20</v>
      </c>
      <c r="C6" s="14" t="s">
        <v>21</v>
      </c>
      <c r="D6" s="11">
        <v>0.34583333333333338</v>
      </c>
      <c r="E6" s="15">
        <v>0.38750000000000001</v>
      </c>
      <c r="F6" s="15">
        <v>0.42916666666666697</v>
      </c>
      <c r="G6" s="15">
        <v>0.47083333333333299</v>
      </c>
      <c r="H6" s="15">
        <v>0.51249999999999996</v>
      </c>
      <c r="I6" s="15">
        <v>0.55416666666666703</v>
      </c>
      <c r="J6" s="15">
        <v>0.59583333333333299</v>
      </c>
      <c r="K6" s="15">
        <v>0.63749999999999996</v>
      </c>
      <c r="L6" s="11">
        <v>0.67916666666666703</v>
      </c>
      <c r="M6" s="11">
        <v>0.72083333333333299</v>
      </c>
      <c r="N6" s="187"/>
      <c r="O6" s="724"/>
      <c r="P6" s="16" t="s">
        <v>22</v>
      </c>
      <c r="Q6" s="11">
        <v>0.3444444444444445</v>
      </c>
      <c r="R6" s="11">
        <v>0.38611111111111113</v>
      </c>
      <c r="S6" s="12">
        <v>0.42777777777777781</v>
      </c>
      <c r="T6" s="12">
        <v>0.4694444444444445</v>
      </c>
      <c r="U6" s="12" t="s">
        <v>16</v>
      </c>
      <c r="V6" s="12">
        <v>0.55277777777777781</v>
      </c>
      <c r="W6" s="12" t="s">
        <v>16</v>
      </c>
      <c r="X6" s="12">
        <v>0.63611111111111118</v>
      </c>
      <c r="Y6" s="12">
        <v>0.6777777777777777</v>
      </c>
      <c r="Z6" s="14">
        <v>0.71944444444444444</v>
      </c>
      <c r="AA6" s="11" t="s">
        <v>19</v>
      </c>
    </row>
    <row r="7" spans="1:27" ht="24" customHeight="1" x14ac:dyDescent="0.15">
      <c r="A7" s="723"/>
      <c r="B7" s="25" t="s">
        <v>23</v>
      </c>
      <c r="C7" s="14" t="s">
        <v>21</v>
      </c>
      <c r="D7" s="11">
        <v>0.34722222222222227</v>
      </c>
      <c r="E7" s="15">
        <v>0.38888888888888901</v>
      </c>
      <c r="F7" s="15">
        <v>0.43055555555555602</v>
      </c>
      <c r="G7" s="15">
        <v>0.47222222222222199</v>
      </c>
      <c r="H7" s="15">
        <v>0.51388888888888895</v>
      </c>
      <c r="I7" s="15">
        <v>0.55555555555555602</v>
      </c>
      <c r="J7" s="15">
        <v>0.59722222222222199</v>
      </c>
      <c r="K7" s="15">
        <v>0.63888888888888895</v>
      </c>
      <c r="L7" s="11">
        <v>0.68055555555555602</v>
      </c>
      <c r="M7" s="11">
        <v>0.72222222222222199</v>
      </c>
      <c r="N7" s="187"/>
      <c r="O7" s="724"/>
      <c r="P7" s="16" t="s">
        <v>24</v>
      </c>
      <c r="Q7" s="11">
        <v>0.34513888888888888</v>
      </c>
      <c r="R7" s="11">
        <v>0.38680555555555557</v>
      </c>
      <c r="S7" s="12">
        <v>0.4284722222222222</v>
      </c>
      <c r="T7" s="12">
        <v>0.47013888888888888</v>
      </c>
      <c r="U7" s="12" t="s">
        <v>16</v>
      </c>
      <c r="V7" s="12">
        <v>0.55347222222222225</v>
      </c>
      <c r="W7" s="12" t="s">
        <v>16</v>
      </c>
      <c r="X7" s="12">
        <v>0.63680555555555551</v>
      </c>
      <c r="Y7" s="12">
        <v>0.67847222222222225</v>
      </c>
      <c r="Z7" s="14">
        <v>0.72013888888888899</v>
      </c>
      <c r="AA7" s="11">
        <v>0.76874999999999993</v>
      </c>
    </row>
    <row r="8" spans="1:27" ht="24" customHeight="1" x14ac:dyDescent="0.15">
      <c r="A8" s="723"/>
      <c r="B8" s="25" t="s">
        <v>25</v>
      </c>
      <c r="C8" s="14" t="s">
        <v>21</v>
      </c>
      <c r="D8" s="11">
        <v>0.34722222222222227</v>
      </c>
      <c r="E8" s="15">
        <v>0.38888888888888901</v>
      </c>
      <c r="F8" s="15">
        <v>0.43055555555555602</v>
      </c>
      <c r="G8" s="15">
        <v>0.47222222222222199</v>
      </c>
      <c r="H8" s="15">
        <v>0.51388888888888895</v>
      </c>
      <c r="I8" s="15">
        <v>0.55555555555555602</v>
      </c>
      <c r="J8" s="15">
        <v>0.59722222222222199</v>
      </c>
      <c r="K8" s="15">
        <v>0.63888888888888895</v>
      </c>
      <c r="L8" s="11">
        <v>0.68055555555555602</v>
      </c>
      <c r="M8" s="11">
        <v>0.72222222222222199</v>
      </c>
      <c r="N8" s="187"/>
      <c r="O8" s="724"/>
      <c r="P8" s="16" t="s">
        <v>26</v>
      </c>
      <c r="Q8" s="11">
        <v>0.34583333333333338</v>
      </c>
      <c r="R8" s="11">
        <v>0.38750000000000001</v>
      </c>
      <c r="S8" s="12">
        <v>0.4291666666666667</v>
      </c>
      <c r="T8" s="12">
        <v>0.47083333333333338</v>
      </c>
      <c r="U8" s="12" t="s">
        <v>16</v>
      </c>
      <c r="V8" s="12">
        <v>0.5541666666666667</v>
      </c>
      <c r="W8" s="12" t="s">
        <v>16</v>
      </c>
      <c r="X8" s="12">
        <v>0.63749999999999996</v>
      </c>
      <c r="Y8" s="12">
        <v>0.6791666666666667</v>
      </c>
      <c r="Z8" s="14">
        <v>0.72083333333333333</v>
      </c>
      <c r="AA8" s="11">
        <v>0.76944444444444438</v>
      </c>
    </row>
    <row r="9" spans="1:27" ht="24" customHeight="1" x14ac:dyDescent="0.15">
      <c r="A9" s="723"/>
      <c r="B9" s="25" t="s">
        <v>27</v>
      </c>
      <c r="C9" s="14">
        <v>0.31458333333333333</v>
      </c>
      <c r="D9" s="11">
        <v>0.34791666666666665</v>
      </c>
      <c r="E9" s="15">
        <v>0.389583333333333</v>
      </c>
      <c r="F9" s="15">
        <v>0.43125000000000002</v>
      </c>
      <c r="G9" s="15">
        <v>0.47291666666666698</v>
      </c>
      <c r="H9" s="15">
        <v>0.51458333333333295</v>
      </c>
      <c r="I9" s="15">
        <v>0.55625000000000002</v>
      </c>
      <c r="J9" s="15">
        <v>0.59791666666666698</v>
      </c>
      <c r="K9" s="15">
        <v>0.63958333333333295</v>
      </c>
      <c r="L9" s="11">
        <v>0.68125000000000002</v>
      </c>
      <c r="M9" s="11">
        <v>0.72291666666666698</v>
      </c>
      <c r="N9" s="187"/>
      <c r="O9" s="724"/>
      <c r="P9" s="16" t="s">
        <v>28</v>
      </c>
      <c r="Q9" s="11">
        <v>0.34652777777777777</v>
      </c>
      <c r="R9" s="11">
        <v>0.38819444444444445</v>
      </c>
      <c r="S9" s="12">
        <v>0.42986111111111108</v>
      </c>
      <c r="T9" s="12">
        <v>0.47152777777777777</v>
      </c>
      <c r="U9" s="12" t="s">
        <v>16</v>
      </c>
      <c r="V9" s="12">
        <v>0.55486111111111114</v>
      </c>
      <c r="W9" s="12" t="s">
        <v>16</v>
      </c>
      <c r="X9" s="12">
        <v>0.6381944444444444</v>
      </c>
      <c r="Y9" s="12">
        <v>0.67986111111111114</v>
      </c>
      <c r="Z9" s="14">
        <v>0.72152777777777777</v>
      </c>
      <c r="AA9" s="11" t="s">
        <v>19</v>
      </c>
    </row>
    <row r="10" spans="1:27" ht="24" customHeight="1" x14ac:dyDescent="0.15">
      <c r="A10" s="723"/>
      <c r="B10" s="25" t="s">
        <v>29</v>
      </c>
      <c r="C10" s="14">
        <v>0.31458333333333333</v>
      </c>
      <c r="D10" s="11">
        <v>0.34791666666666665</v>
      </c>
      <c r="E10" s="15">
        <v>0.389583333333333</v>
      </c>
      <c r="F10" s="15">
        <v>0.43125000000000002</v>
      </c>
      <c r="G10" s="15">
        <v>0.47291666666666698</v>
      </c>
      <c r="H10" s="15">
        <v>0.51458333333333295</v>
      </c>
      <c r="I10" s="15">
        <v>0.55625000000000002</v>
      </c>
      <c r="J10" s="15">
        <v>0.59791666666666698</v>
      </c>
      <c r="K10" s="15">
        <v>0.63958333333333295</v>
      </c>
      <c r="L10" s="11">
        <v>0.68125000000000002</v>
      </c>
      <c r="M10" s="11">
        <v>0.72291666666666698</v>
      </c>
      <c r="N10" s="187"/>
      <c r="O10" s="724"/>
      <c r="P10" s="473" t="s">
        <v>30</v>
      </c>
      <c r="Q10" s="11">
        <v>0.34861111111111115</v>
      </c>
      <c r="R10" s="11">
        <v>0.39027777777777778</v>
      </c>
      <c r="S10" s="12">
        <v>0.43194444444444446</v>
      </c>
      <c r="T10" s="12">
        <v>0.47361111111111115</v>
      </c>
      <c r="U10" s="12" t="s">
        <v>16</v>
      </c>
      <c r="V10" s="12">
        <v>0.55694444444444446</v>
      </c>
      <c r="W10" s="12" t="s">
        <v>16</v>
      </c>
      <c r="X10" s="12">
        <v>0.64027777777777783</v>
      </c>
      <c r="Y10" s="12">
        <v>0.68194444444444446</v>
      </c>
      <c r="Z10" s="14">
        <v>0.72361111111111109</v>
      </c>
      <c r="AA10" s="11" t="s">
        <v>19</v>
      </c>
    </row>
    <row r="11" spans="1:27" ht="24" customHeight="1" x14ac:dyDescent="0.15">
      <c r="A11" s="723"/>
      <c r="B11" s="25" t="s">
        <v>31</v>
      </c>
      <c r="C11" s="14">
        <v>0.31527777777777777</v>
      </c>
      <c r="D11" s="11">
        <v>0.34861111111111115</v>
      </c>
      <c r="E11" s="15">
        <v>0.390277777777778</v>
      </c>
      <c r="F11" s="15">
        <v>0.43194444444444402</v>
      </c>
      <c r="G11" s="15">
        <v>0.47361111111111098</v>
      </c>
      <c r="H11" s="15">
        <v>0.51527777777777795</v>
      </c>
      <c r="I11" s="15">
        <v>0.55694444444444402</v>
      </c>
      <c r="J11" s="15">
        <v>0.59861111111111098</v>
      </c>
      <c r="K11" s="15">
        <v>0.64027777777777795</v>
      </c>
      <c r="L11" s="11">
        <v>0.68194444444444402</v>
      </c>
      <c r="M11" s="11">
        <v>0.72361111111111098</v>
      </c>
      <c r="N11" s="187"/>
      <c r="O11" s="724"/>
      <c r="P11" s="16" t="s">
        <v>32</v>
      </c>
      <c r="Q11" s="19">
        <v>0.34861111111111115</v>
      </c>
      <c r="R11" s="11">
        <v>0.39027777777777778</v>
      </c>
      <c r="S11" s="12">
        <v>0.43194444444444446</v>
      </c>
      <c r="T11" s="12">
        <v>0.47361111111111115</v>
      </c>
      <c r="U11" s="12" t="s">
        <v>16</v>
      </c>
      <c r="V11" s="12">
        <v>0.55694444444444446</v>
      </c>
      <c r="W11" s="12" t="s">
        <v>16</v>
      </c>
      <c r="X11" s="12">
        <v>0.64027777777777783</v>
      </c>
      <c r="Y11" s="12">
        <v>0.68194444444444446</v>
      </c>
      <c r="Z11" s="14">
        <v>0.72361111111111109</v>
      </c>
      <c r="AA11" s="11">
        <v>0.77222222222222225</v>
      </c>
    </row>
    <row r="12" spans="1:27" ht="24" customHeight="1" x14ac:dyDescent="0.15">
      <c r="A12" s="723"/>
      <c r="B12" s="25" t="s">
        <v>33</v>
      </c>
      <c r="C12" s="14">
        <v>0.31527777777777777</v>
      </c>
      <c r="D12" s="11">
        <v>0.34861111111111115</v>
      </c>
      <c r="E12" s="15">
        <v>0.390277777777778</v>
      </c>
      <c r="F12" s="15">
        <v>0.43194444444444402</v>
      </c>
      <c r="G12" s="15">
        <v>0.47361111111111098</v>
      </c>
      <c r="H12" s="15">
        <v>0.51527777777777795</v>
      </c>
      <c r="I12" s="15">
        <v>0.55694444444444402</v>
      </c>
      <c r="J12" s="15">
        <v>0.59861111111111098</v>
      </c>
      <c r="K12" s="15">
        <v>0.64027777777777795</v>
      </c>
      <c r="L12" s="11">
        <v>0.68194444444444402</v>
      </c>
      <c r="M12" s="11">
        <v>0.72361111111111298</v>
      </c>
      <c r="N12" s="187"/>
      <c r="O12" s="724"/>
      <c r="P12" s="30" t="s">
        <v>34</v>
      </c>
      <c r="Q12" s="11">
        <v>0.35000000000000003</v>
      </c>
      <c r="R12" s="11">
        <v>0.39166666666666666</v>
      </c>
      <c r="S12" s="12">
        <v>0.43333333333333335</v>
      </c>
      <c r="T12" s="12">
        <v>0.47499999999999998</v>
      </c>
      <c r="U12" s="12" t="s">
        <v>16</v>
      </c>
      <c r="V12" s="12">
        <v>0.55833333333333335</v>
      </c>
      <c r="W12" s="12" t="s">
        <v>16</v>
      </c>
      <c r="X12" s="12">
        <v>0.64166666666666672</v>
      </c>
      <c r="Y12" s="12">
        <v>0.68333333333333324</v>
      </c>
      <c r="Z12" s="14">
        <v>0.72499999999999998</v>
      </c>
      <c r="AA12" s="11" t="s">
        <v>19</v>
      </c>
    </row>
    <row r="13" spans="1:27" ht="24" customHeight="1" x14ac:dyDescent="0.15">
      <c r="A13" s="723"/>
      <c r="B13" s="25" t="s">
        <v>35</v>
      </c>
      <c r="C13" s="14">
        <v>0.31597222222222221</v>
      </c>
      <c r="D13" s="11">
        <v>0.34930555555555554</v>
      </c>
      <c r="E13" s="15">
        <v>0.390972222222222</v>
      </c>
      <c r="F13" s="15">
        <v>0.43263888888888902</v>
      </c>
      <c r="G13" s="15">
        <v>0.47430555555555598</v>
      </c>
      <c r="H13" s="15">
        <v>0.51597222222222205</v>
      </c>
      <c r="I13" s="15">
        <v>0.55763888888888902</v>
      </c>
      <c r="J13" s="15">
        <v>0.59930555555555598</v>
      </c>
      <c r="K13" s="15">
        <v>0.64097222222222205</v>
      </c>
      <c r="L13" s="11">
        <v>0.68263888888888902</v>
      </c>
      <c r="M13" s="11">
        <v>0.72430555555555598</v>
      </c>
      <c r="N13" s="187"/>
      <c r="O13" s="724"/>
      <c r="P13" s="16" t="s">
        <v>36</v>
      </c>
      <c r="Q13" s="11">
        <v>0.35069444444444442</v>
      </c>
      <c r="R13" s="11">
        <v>0.3923611111111111</v>
      </c>
      <c r="S13" s="12">
        <v>0.43402777777777773</v>
      </c>
      <c r="T13" s="12">
        <v>0.47569444444444442</v>
      </c>
      <c r="U13" s="12" t="s">
        <v>37</v>
      </c>
      <c r="V13" s="12">
        <v>0.55902777777777779</v>
      </c>
      <c r="W13" s="12" t="s">
        <v>37</v>
      </c>
      <c r="X13" s="12">
        <v>0.64236111111111105</v>
      </c>
      <c r="Y13" s="12">
        <v>0.68402777777777779</v>
      </c>
      <c r="Z13" s="14">
        <v>0.72569444444444453</v>
      </c>
      <c r="AA13" s="11" t="s">
        <v>19</v>
      </c>
    </row>
    <row r="14" spans="1:27" ht="24" customHeight="1" x14ac:dyDescent="0.15">
      <c r="A14" s="723"/>
      <c r="B14" s="25" t="s">
        <v>38</v>
      </c>
      <c r="C14" s="14">
        <v>0.31666666666666665</v>
      </c>
      <c r="D14" s="11">
        <v>0.35000000000000003</v>
      </c>
      <c r="E14" s="15">
        <v>0.391666666666667</v>
      </c>
      <c r="F14" s="15">
        <v>0.43333333333333302</v>
      </c>
      <c r="G14" s="15">
        <v>0.47499999999999998</v>
      </c>
      <c r="H14" s="15">
        <v>0.51666666666666705</v>
      </c>
      <c r="I14" s="15">
        <v>0.55833333333333302</v>
      </c>
      <c r="J14" s="15">
        <v>0.6</v>
      </c>
      <c r="K14" s="15">
        <v>0.64166666666666705</v>
      </c>
      <c r="L14" s="11">
        <v>0.68333333333333302</v>
      </c>
      <c r="M14" s="11">
        <v>0.72499999999999998</v>
      </c>
      <c r="N14" s="187"/>
      <c r="O14" s="724"/>
      <c r="P14" s="16" t="s">
        <v>39</v>
      </c>
      <c r="Q14" s="11">
        <v>0.35138888888888892</v>
      </c>
      <c r="R14" s="11">
        <v>0.39305555555555555</v>
      </c>
      <c r="S14" s="12">
        <v>0.43472222222222223</v>
      </c>
      <c r="T14" s="12">
        <v>0.47638888888888892</v>
      </c>
      <c r="U14" s="12" t="s">
        <v>37</v>
      </c>
      <c r="V14" s="12">
        <v>0.55972222222222223</v>
      </c>
      <c r="W14" s="12" t="s">
        <v>37</v>
      </c>
      <c r="X14" s="12">
        <v>0.6430555555555556</v>
      </c>
      <c r="Y14" s="12">
        <v>0.68472222222222223</v>
      </c>
      <c r="Z14" s="14">
        <v>0.72638888888888886</v>
      </c>
      <c r="AA14" s="11" t="s">
        <v>19</v>
      </c>
    </row>
    <row r="15" spans="1:27" ht="24" customHeight="1" x14ac:dyDescent="0.15">
      <c r="A15" s="723"/>
      <c r="B15" s="25" t="s">
        <v>40</v>
      </c>
      <c r="C15" s="14">
        <v>0.31805555555555554</v>
      </c>
      <c r="D15" s="11">
        <v>0.35138888888888892</v>
      </c>
      <c r="E15" s="15">
        <v>0.39305555555555599</v>
      </c>
      <c r="F15" s="15">
        <v>0.43472222222222201</v>
      </c>
      <c r="G15" s="15">
        <v>0.47638888888888897</v>
      </c>
      <c r="H15" s="15">
        <v>0.51805555555555605</v>
      </c>
      <c r="I15" s="15">
        <v>0.55972222222222201</v>
      </c>
      <c r="J15" s="15">
        <v>0.60138888888888897</v>
      </c>
      <c r="K15" s="15">
        <v>0.64305555555555605</v>
      </c>
      <c r="L15" s="11">
        <v>0.68472222222222201</v>
      </c>
      <c r="M15" s="11">
        <v>0.72638888888888897</v>
      </c>
      <c r="N15" s="187"/>
      <c r="O15" s="724"/>
      <c r="P15" s="16" t="s">
        <v>41</v>
      </c>
      <c r="Q15" s="11">
        <v>0.3527777777777778</v>
      </c>
      <c r="R15" s="11">
        <v>0.39444444444444443</v>
      </c>
      <c r="S15" s="12">
        <v>0.43611111111111112</v>
      </c>
      <c r="T15" s="12">
        <v>0.4777777777777778</v>
      </c>
      <c r="U15" s="12" t="s">
        <v>37</v>
      </c>
      <c r="V15" s="12">
        <v>0.56111111111111112</v>
      </c>
      <c r="W15" s="12" t="s">
        <v>37</v>
      </c>
      <c r="X15" s="12">
        <v>0.64444444444444449</v>
      </c>
      <c r="Y15" s="12">
        <v>0.68611111111111101</v>
      </c>
      <c r="Z15" s="14">
        <v>0.72777777777777775</v>
      </c>
      <c r="AA15" s="11" t="s">
        <v>19</v>
      </c>
    </row>
    <row r="16" spans="1:27" ht="24" customHeight="1" x14ac:dyDescent="0.15">
      <c r="A16" s="723"/>
      <c r="B16" s="472" t="s">
        <v>42</v>
      </c>
      <c r="C16" s="14">
        <v>0.31875000000000003</v>
      </c>
      <c r="D16" s="11">
        <v>0.3520833333333333</v>
      </c>
      <c r="E16" s="15">
        <v>0.39374999999999999</v>
      </c>
      <c r="F16" s="15">
        <v>0.43541666666666701</v>
      </c>
      <c r="G16" s="15">
        <v>0.47708333333333303</v>
      </c>
      <c r="H16" s="15">
        <v>0.51875000000000004</v>
      </c>
      <c r="I16" s="15">
        <v>0.56041666666666701</v>
      </c>
      <c r="J16" s="15">
        <v>0.60208333333333297</v>
      </c>
      <c r="K16" s="15">
        <v>0.64375000000000004</v>
      </c>
      <c r="L16" s="11">
        <v>0.68541666666666701</v>
      </c>
      <c r="M16" s="11">
        <v>0.72708333333333297</v>
      </c>
      <c r="N16" s="187"/>
      <c r="O16" s="724"/>
      <c r="P16" s="413" t="s">
        <v>43</v>
      </c>
      <c r="Q16" s="11">
        <v>0.35347222222222219</v>
      </c>
      <c r="R16" s="11">
        <v>0.39513888888888887</v>
      </c>
      <c r="S16" s="12">
        <v>0.4368055555555555</v>
      </c>
      <c r="T16" s="12">
        <v>0.47847222222222219</v>
      </c>
      <c r="U16" s="12" t="s">
        <v>37</v>
      </c>
      <c r="V16" s="12">
        <v>0.56180555555555556</v>
      </c>
      <c r="W16" s="12" t="s">
        <v>37</v>
      </c>
      <c r="X16" s="12">
        <v>0.64513888888888882</v>
      </c>
      <c r="Y16" s="12">
        <v>0.68680555555555556</v>
      </c>
      <c r="Z16" s="14">
        <v>0.7284722222222223</v>
      </c>
      <c r="AA16" s="11" t="s">
        <v>19</v>
      </c>
    </row>
    <row r="17" spans="1:27" ht="24" customHeight="1" x14ac:dyDescent="0.15">
      <c r="A17" s="724"/>
      <c r="B17" s="16" t="s">
        <v>44</v>
      </c>
      <c r="C17" s="22">
        <v>0.31944444444444448</v>
      </c>
      <c r="D17" s="11">
        <v>0.3527777777777778</v>
      </c>
      <c r="E17" s="15">
        <v>0.39444444444444399</v>
      </c>
      <c r="F17" s="15">
        <v>0.43611111111111101</v>
      </c>
      <c r="G17" s="15">
        <v>0.47777777777777802</v>
      </c>
      <c r="H17" s="15">
        <v>0.51944444444444404</v>
      </c>
      <c r="I17" s="15">
        <v>0.56111111111111101</v>
      </c>
      <c r="J17" s="15">
        <v>0.60277777777777797</v>
      </c>
      <c r="K17" s="15">
        <v>0.64444444444444404</v>
      </c>
      <c r="L17" s="11">
        <v>0.68611111111111101</v>
      </c>
      <c r="M17" s="11">
        <v>0.72777777777777797</v>
      </c>
      <c r="N17" s="187"/>
      <c r="O17" s="724"/>
      <c r="P17" s="16" t="s">
        <v>45</v>
      </c>
      <c r="Q17" s="19">
        <v>0.35416666666666669</v>
      </c>
      <c r="R17" s="11">
        <v>0.39583333333333331</v>
      </c>
      <c r="S17" s="12">
        <v>0.4375</v>
      </c>
      <c r="T17" s="12">
        <v>0.47916666666666669</v>
      </c>
      <c r="U17" s="12" t="s">
        <v>16</v>
      </c>
      <c r="V17" s="12">
        <v>0.5625</v>
      </c>
      <c r="W17" s="12" t="s">
        <v>16</v>
      </c>
      <c r="X17" s="12">
        <v>0.64583333333333337</v>
      </c>
      <c r="Y17" s="12">
        <v>0.6875</v>
      </c>
      <c r="Z17" s="14">
        <v>0.72916666666666663</v>
      </c>
      <c r="AA17" s="11">
        <v>0.77569444444444446</v>
      </c>
    </row>
    <row r="18" spans="1:27" ht="24" customHeight="1" x14ac:dyDescent="0.15">
      <c r="A18" s="723"/>
      <c r="B18" s="474" t="s">
        <v>46</v>
      </c>
      <c r="C18" s="14" t="s">
        <v>21</v>
      </c>
      <c r="D18" s="11">
        <v>0.35347222222222219</v>
      </c>
      <c r="E18" s="15">
        <v>0.39513888888888898</v>
      </c>
      <c r="F18" s="15">
        <v>0.436805555555556</v>
      </c>
      <c r="G18" s="15">
        <v>0.47847222222222202</v>
      </c>
      <c r="H18" s="15">
        <v>0.52013888888888904</v>
      </c>
      <c r="I18" s="15">
        <v>0.561805555555556</v>
      </c>
      <c r="J18" s="15">
        <v>0.60347222222222197</v>
      </c>
      <c r="K18" s="15">
        <v>0.64513888888888904</v>
      </c>
      <c r="L18" s="11">
        <v>0.686805555555555</v>
      </c>
      <c r="M18" s="11">
        <v>0.72847222222222197</v>
      </c>
      <c r="N18" s="187"/>
      <c r="O18" s="724"/>
      <c r="P18" s="30" t="s">
        <v>47</v>
      </c>
      <c r="Q18" s="11">
        <v>0.35486111111111113</v>
      </c>
      <c r="R18" s="11">
        <v>0.39652777777777781</v>
      </c>
      <c r="S18" s="12">
        <v>0.4381944444444445</v>
      </c>
      <c r="T18" s="12">
        <v>0.47986111111111113</v>
      </c>
      <c r="U18" s="12" t="s">
        <v>16</v>
      </c>
      <c r="V18" s="12">
        <v>0.56319444444444444</v>
      </c>
      <c r="W18" s="12" t="s">
        <v>16</v>
      </c>
      <c r="X18" s="12">
        <v>0.64652777777777781</v>
      </c>
      <c r="Y18" s="12">
        <v>0.68819444444444444</v>
      </c>
      <c r="Z18" s="14">
        <v>0.72986111111111107</v>
      </c>
      <c r="AA18" s="11" t="s">
        <v>19</v>
      </c>
    </row>
    <row r="19" spans="1:27" ht="24" customHeight="1" x14ac:dyDescent="0.15">
      <c r="A19" s="723"/>
      <c r="B19" s="23" t="s">
        <v>48</v>
      </c>
      <c r="C19" s="24">
        <v>0.32083333333333336</v>
      </c>
      <c r="D19" s="11">
        <v>0.35416666666666669</v>
      </c>
      <c r="E19" s="15">
        <v>0.39583333333333298</v>
      </c>
      <c r="F19" s="15">
        <v>0.4375</v>
      </c>
      <c r="G19" s="15">
        <v>0.47916666666666702</v>
      </c>
      <c r="H19" s="15">
        <v>0.52083333333333304</v>
      </c>
      <c r="I19" s="15">
        <v>0.5625</v>
      </c>
      <c r="J19" s="15">
        <v>0.60416666666666696</v>
      </c>
      <c r="K19" s="15">
        <v>0.64583333333333304</v>
      </c>
      <c r="L19" s="11">
        <v>0.6875</v>
      </c>
      <c r="M19" s="11">
        <v>0.72916666666666696</v>
      </c>
      <c r="N19" s="187"/>
      <c r="O19" s="724"/>
      <c r="P19" s="16" t="s">
        <v>49</v>
      </c>
      <c r="Q19" s="11">
        <v>0.35694444444444445</v>
      </c>
      <c r="R19" s="11">
        <v>0.39861111111111108</v>
      </c>
      <c r="S19" s="12">
        <v>0.44027777777777777</v>
      </c>
      <c r="T19" s="12">
        <v>0.48194444444444445</v>
      </c>
      <c r="U19" s="12" t="s">
        <v>16</v>
      </c>
      <c r="V19" s="12">
        <v>0.56527777777777777</v>
      </c>
      <c r="W19" s="12" t="s">
        <v>16</v>
      </c>
      <c r="X19" s="12">
        <v>0.64861111111111114</v>
      </c>
      <c r="Y19" s="12">
        <v>0.69027777777777777</v>
      </c>
      <c r="Z19" s="14">
        <v>0.7319444444444444</v>
      </c>
      <c r="AA19" s="11" t="s">
        <v>19</v>
      </c>
    </row>
    <row r="20" spans="1:27" ht="24" customHeight="1" x14ac:dyDescent="0.15">
      <c r="A20" s="723"/>
      <c r="B20" s="25" t="s">
        <v>50</v>
      </c>
      <c r="C20" s="26">
        <v>0.3215277777777778</v>
      </c>
      <c r="D20" s="11">
        <v>0.35486111111111113</v>
      </c>
      <c r="E20" s="15">
        <v>0.39652777777777798</v>
      </c>
      <c r="F20" s="15">
        <v>0.438194444444444</v>
      </c>
      <c r="G20" s="15">
        <v>0.47986111111111102</v>
      </c>
      <c r="H20" s="15">
        <v>0.52152777777777803</v>
      </c>
      <c r="I20" s="15">
        <v>0.563194444444444</v>
      </c>
      <c r="J20" s="15">
        <v>0.60486111111111096</v>
      </c>
      <c r="K20" s="15">
        <v>0.64652777777777803</v>
      </c>
      <c r="L20" s="11">
        <v>0.688194444444444</v>
      </c>
      <c r="M20" s="11">
        <v>0.72986111111111096</v>
      </c>
      <c r="N20" s="187"/>
      <c r="O20" s="724"/>
      <c r="P20" s="16" t="s">
        <v>51</v>
      </c>
      <c r="Q20" s="11">
        <v>0.35694444444444445</v>
      </c>
      <c r="R20" s="11">
        <v>0.39861111111111108</v>
      </c>
      <c r="S20" s="12">
        <v>0.44027777777777777</v>
      </c>
      <c r="T20" s="12">
        <v>0.48194444444444445</v>
      </c>
      <c r="U20" s="12" t="s">
        <v>16</v>
      </c>
      <c r="V20" s="12">
        <v>0.56527777777777777</v>
      </c>
      <c r="W20" s="12" t="s">
        <v>16</v>
      </c>
      <c r="X20" s="12">
        <v>0.64861111111111114</v>
      </c>
      <c r="Y20" s="12">
        <v>0.69027777777777777</v>
      </c>
      <c r="Z20" s="14">
        <v>0.7319444444444444</v>
      </c>
      <c r="AA20" s="11" t="s">
        <v>19</v>
      </c>
    </row>
    <row r="21" spans="1:27" ht="24" customHeight="1" x14ac:dyDescent="0.15">
      <c r="A21" s="723"/>
      <c r="B21" s="25" t="s">
        <v>52</v>
      </c>
      <c r="C21" s="26">
        <v>0.32291666666666669</v>
      </c>
      <c r="D21" s="19">
        <v>0.35625000000000001</v>
      </c>
      <c r="E21" s="27">
        <v>0.39791666666666697</v>
      </c>
      <c r="F21" s="27">
        <v>0.43958333333333299</v>
      </c>
      <c r="G21" s="27">
        <v>0.48125000000000001</v>
      </c>
      <c r="H21" s="27">
        <v>0.52291666666666703</v>
      </c>
      <c r="I21" s="27">
        <v>0.56458333333333299</v>
      </c>
      <c r="J21" s="27">
        <v>0.60624999999999996</v>
      </c>
      <c r="K21" s="27">
        <v>0.64791666666666703</v>
      </c>
      <c r="L21" s="19">
        <v>0.68958333333333299</v>
      </c>
      <c r="M21" s="19">
        <v>0.73124999999999996</v>
      </c>
      <c r="N21" s="187"/>
      <c r="O21" s="724"/>
      <c r="P21" s="413" t="s">
        <v>53</v>
      </c>
      <c r="Q21" s="11">
        <v>0.35833333333333334</v>
      </c>
      <c r="R21" s="11">
        <v>0.39999999999999997</v>
      </c>
      <c r="S21" s="12">
        <v>0.44166666666666665</v>
      </c>
      <c r="T21" s="12">
        <v>0.48333333333333334</v>
      </c>
      <c r="U21" s="12" t="s">
        <v>54</v>
      </c>
      <c r="V21" s="12">
        <v>0.56666666666666665</v>
      </c>
      <c r="W21" s="12" t="s">
        <v>54</v>
      </c>
      <c r="X21" s="12">
        <v>0.65</v>
      </c>
      <c r="Y21" s="12">
        <v>0.69166666666666676</v>
      </c>
      <c r="Z21" s="14">
        <v>0.73333333333333339</v>
      </c>
      <c r="AA21" s="11">
        <v>0.77916666666666667</v>
      </c>
    </row>
    <row r="22" spans="1:27" ht="24" customHeight="1" x14ac:dyDescent="0.15">
      <c r="A22" s="723"/>
      <c r="B22" s="25" t="s">
        <v>55</v>
      </c>
      <c r="C22" s="26">
        <v>0.32430555555555557</v>
      </c>
      <c r="D22" s="28">
        <v>0.3576388888888889</v>
      </c>
      <c r="E22" s="29">
        <v>0.39930555555555602</v>
      </c>
      <c r="F22" s="29">
        <v>0.44097222222222199</v>
      </c>
      <c r="G22" s="29">
        <v>0.48263888888888901</v>
      </c>
      <c r="H22" s="29">
        <v>0.52430555555555602</v>
      </c>
      <c r="I22" s="29">
        <v>0.56597222222222199</v>
      </c>
      <c r="J22" s="29">
        <v>0.60763888888888895</v>
      </c>
      <c r="K22" s="29">
        <v>0.64930555555555602</v>
      </c>
      <c r="L22" s="28">
        <v>0.69097222222222199</v>
      </c>
      <c r="M22" s="28">
        <v>0.73263888888888895</v>
      </c>
      <c r="N22" s="187"/>
      <c r="O22" s="724"/>
      <c r="P22" s="30" t="s">
        <v>881</v>
      </c>
      <c r="Q22" s="11">
        <v>0.36041666666666666</v>
      </c>
      <c r="R22" s="11">
        <v>0.40208333333333335</v>
      </c>
      <c r="S22" s="12">
        <v>0.44374999999999998</v>
      </c>
      <c r="T22" s="12">
        <v>0.48541666666666666</v>
      </c>
      <c r="U22" s="12">
        <v>0.52708333333333335</v>
      </c>
      <c r="V22" s="12">
        <v>0.56874999999999998</v>
      </c>
      <c r="W22" s="12">
        <v>0.61041666666666672</v>
      </c>
      <c r="X22" s="12">
        <v>0.65208333333333335</v>
      </c>
      <c r="Y22" s="12">
        <v>0.69374999999999998</v>
      </c>
      <c r="Z22" s="14">
        <v>0.73541666666666661</v>
      </c>
      <c r="AA22" s="11">
        <v>0.77916666666666667</v>
      </c>
    </row>
    <row r="23" spans="1:27" ht="24" customHeight="1" x14ac:dyDescent="0.15">
      <c r="A23" s="723"/>
      <c r="B23" s="25" t="s">
        <v>57</v>
      </c>
      <c r="C23" s="26">
        <v>0.32500000000000001</v>
      </c>
      <c r="D23" s="28">
        <v>0.35833333333333334</v>
      </c>
      <c r="E23" s="31">
        <v>0.4</v>
      </c>
      <c r="F23" s="31">
        <v>0.44166666666666698</v>
      </c>
      <c r="G23" s="31">
        <v>0.483333333333333</v>
      </c>
      <c r="H23" s="31">
        <v>0.52500000000000002</v>
      </c>
      <c r="I23" s="31">
        <v>0.56666666666666698</v>
      </c>
      <c r="J23" s="31">
        <v>0.60833333333333295</v>
      </c>
      <c r="K23" s="31">
        <v>0.65</v>
      </c>
      <c r="L23" s="32">
        <v>0.69166666666666698</v>
      </c>
      <c r="M23" s="32">
        <v>0.73333333333333295</v>
      </c>
      <c r="N23" s="187"/>
      <c r="O23" s="724"/>
      <c r="P23" s="16" t="s">
        <v>58</v>
      </c>
      <c r="Q23" s="11">
        <v>0.36041666666666666</v>
      </c>
      <c r="R23" s="11">
        <v>0.40208333333333335</v>
      </c>
      <c r="S23" s="12">
        <v>0.44374999999999998</v>
      </c>
      <c r="T23" s="12">
        <v>0.48541666666666666</v>
      </c>
      <c r="U23" s="12">
        <v>0.52708333333333335</v>
      </c>
      <c r="V23" s="12">
        <v>0.56874999999999998</v>
      </c>
      <c r="W23" s="12">
        <v>0.61041666666666672</v>
      </c>
      <c r="X23" s="12">
        <v>0.65208333333333335</v>
      </c>
      <c r="Y23" s="12">
        <v>0.69374999999999998</v>
      </c>
      <c r="Z23" s="14">
        <v>0.73541666666666661</v>
      </c>
      <c r="AA23" s="11" t="s">
        <v>19</v>
      </c>
    </row>
    <row r="24" spans="1:27" ht="24" customHeight="1" x14ac:dyDescent="0.15">
      <c r="A24" s="723"/>
      <c r="B24" s="25" t="s">
        <v>58</v>
      </c>
      <c r="C24" s="5" t="s">
        <v>19</v>
      </c>
      <c r="D24" s="19">
        <v>0.35972222222222222</v>
      </c>
      <c r="E24" s="15">
        <v>0.40138888888888885</v>
      </c>
      <c r="F24" s="15">
        <v>0.44305555555555554</v>
      </c>
      <c r="G24" s="15">
        <v>0.48472222222222222</v>
      </c>
      <c r="H24" s="15">
        <v>0.52638888888888891</v>
      </c>
      <c r="I24" s="15">
        <v>0.56805555555555554</v>
      </c>
      <c r="J24" s="15">
        <v>0.60972222222222217</v>
      </c>
      <c r="K24" s="15">
        <v>0.65138888888888891</v>
      </c>
      <c r="L24" s="11">
        <v>0.69305555555555554</v>
      </c>
      <c r="M24" s="11">
        <v>0.73472222222222217</v>
      </c>
      <c r="N24" s="187"/>
      <c r="O24" s="724"/>
      <c r="P24" s="16" t="s">
        <v>57</v>
      </c>
      <c r="Q24" s="11">
        <v>0.36249999999999999</v>
      </c>
      <c r="R24" s="11">
        <v>0.40416666666666662</v>
      </c>
      <c r="S24" s="12">
        <v>0.4458333333333333</v>
      </c>
      <c r="T24" s="12">
        <v>0.48749999999999999</v>
      </c>
      <c r="U24" s="12">
        <v>0.52916666666666667</v>
      </c>
      <c r="V24" s="12">
        <v>0.5708333333333333</v>
      </c>
      <c r="W24" s="12">
        <v>0.61250000000000004</v>
      </c>
      <c r="X24" s="12">
        <v>0.65416666666666667</v>
      </c>
      <c r="Y24" s="12">
        <v>0.6958333333333333</v>
      </c>
      <c r="Z24" s="14">
        <v>0.73749999999999993</v>
      </c>
      <c r="AA24" s="11">
        <v>0.78125</v>
      </c>
    </row>
    <row r="25" spans="1:27" ht="24" customHeight="1" x14ac:dyDescent="0.15">
      <c r="A25" s="723"/>
      <c r="B25" s="475" t="s">
        <v>53</v>
      </c>
      <c r="C25" s="33">
        <v>0.32777777777777778</v>
      </c>
      <c r="D25" s="19">
        <v>0.3611111111111111</v>
      </c>
      <c r="E25" s="15">
        <v>0.40277777777777773</v>
      </c>
      <c r="F25" s="15">
        <v>0.44444444444444442</v>
      </c>
      <c r="G25" s="15">
        <v>0.4861111111111111</v>
      </c>
      <c r="H25" s="15">
        <v>0.52777777777777779</v>
      </c>
      <c r="I25" s="15">
        <v>0.56944444444444442</v>
      </c>
      <c r="J25" s="15">
        <v>0.61111111111111105</v>
      </c>
      <c r="K25" s="15">
        <v>0.65277777777777779</v>
      </c>
      <c r="L25" s="11">
        <v>0.69444444444444453</v>
      </c>
      <c r="M25" s="11">
        <v>0.73611111111111116</v>
      </c>
      <c r="N25" s="187"/>
      <c r="O25" s="724"/>
      <c r="P25" s="16" t="s">
        <v>55</v>
      </c>
      <c r="Q25" s="11">
        <v>0.36388888888888887</v>
      </c>
      <c r="R25" s="11">
        <v>0.4055555555555555</v>
      </c>
      <c r="S25" s="12">
        <v>0.44722222222222219</v>
      </c>
      <c r="T25" s="12">
        <v>0.48888888888888898</v>
      </c>
      <c r="U25" s="12">
        <v>0.530555555555556</v>
      </c>
      <c r="V25" s="12">
        <v>0.57222222222222197</v>
      </c>
      <c r="W25" s="12">
        <v>0.61388888888888904</v>
      </c>
      <c r="X25" s="12">
        <v>0.655555555555556</v>
      </c>
      <c r="Y25" s="12">
        <v>0.69722222222222197</v>
      </c>
      <c r="Z25" s="14">
        <v>0.73888888888888893</v>
      </c>
      <c r="AA25" s="11">
        <v>0.78263888888888899</v>
      </c>
    </row>
    <row r="26" spans="1:27" ht="24" customHeight="1" x14ac:dyDescent="0.15">
      <c r="A26" s="723"/>
      <c r="B26" s="34" t="s">
        <v>882</v>
      </c>
      <c r="C26" s="35">
        <v>0.32847222222222222</v>
      </c>
      <c r="D26" s="19">
        <v>0.36458333333333331</v>
      </c>
      <c r="E26" s="15">
        <v>0.40625</v>
      </c>
      <c r="F26" s="15">
        <v>0.44791666666666669</v>
      </c>
      <c r="G26" s="15" t="s">
        <v>54</v>
      </c>
      <c r="H26" s="15">
        <v>0.53125</v>
      </c>
      <c r="I26" s="15" t="s">
        <v>54</v>
      </c>
      <c r="J26" s="15">
        <v>0.61458333333333337</v>
      </c>
      <c r="K26" s="15">
        <v>0.65625</v>
      </c>
      <c r="L26" s="11">
        <v>0.69791666666666663</v>
      </c>
      <c r="M26" s="11">
        <v>0.73958333333333337</v>
      </c>
      <c r="N26" s="187"/>
      <c r="O26" s="724"/>
      <c r="P26" s="16" t="s">
        <v>52</v>
      </c>
      <c r="Q26" s="11">
        <v>0.36527777777777781</v>
      </c>
      <c r="R26" s="11">
        <v>0.4069444444444445</v>
      </c>
      <c r="S26" s="12">
        <v>0.44861111111111113</v>
      </c>
      <c r="T26" s="12">
        <v>0.49027777777777798</v>
      </c>
      <c r="U26" s="12">
        <v>0.531944444444444</v>
      </c>
      <c r="V26" s="12">
        <v>0.57361111111111096</v>
      </c>
      <c r="W26" s="12">
        <v>0.61527777777777803</v>
      </c>
      <c r="X26" s="12">
        <v>0.656944444444444</v>
      </c>
      <c r="Y26" s="12">
        <v>0.69861111111111096</v>
      </c>
      <c r="Z26" s="14">
        <v>0.7402777777777777</v>
      </c>
      <c r="AA26" s="11">
        <v>0.78402777777777777</v>
      </c>
    </row>
    <row r="27" spans="1:27" ht="24" customHeight="1" x14ac:dyDescent="0.15">
      <c r="A27" s="723"/>
      <c r="B27" s="25" t="s">
        <v>51</v>
      </c>
      <c r="C27" s="35" t="s">
        <v>19</v>
      </c>
      <c r="D27" s="19">
        <v>0.3659722222222222</v>
      </c>
      <c r="E27" s="15">
        <v>0.40763888888888888</v>
      </c>
      <c r="F27" s="15">
        <v>0.44930555555555557</v>
      </c>
      <c r="G27" s="15" t="s">
        <v>54</v>
      </c>
      <c r="H27" s="15">
        <v>0.53263888888888888</v>
      </c>
      <c r="I27" s="15" t="s">
        <v>54</v>
      </c>
      <c r="J27" s="15">
        <v>0.61597222222222225</v>
      </c>
      <c r="K27" s="15">
        <v>0.65763888888888888</v>
      </c>
      <c r="L27" s="11">
        <v>0.69930555555555562</v>
      </c>
      <c r="M27" s="11">
        <v>0.74097222222222225</v>
      </c>
      <c r="N27" s="187"/>
      <c r="O27" s="724"/>
      <c r="P27" s="16" t="s">
        <v>50</v>
      </c>
      <c r="Q27" s="11">
        <v>0.3666666666666667</v>
      </c>
      <c r="R27" s="11">
        <v>0.40833333333333299</v>
      </c>
      <c r="S27" s="15">
        <v>0.45</v>
      </c>
      <c r="T27" s="15">
        <v>0.49166666666666697</v>
      </c>
      <c r="U27" s="15">
        <v>0.53333333333333299</v>
      </c>
      <c r="V27" s="15">
        <v>0.57499999999999996</v>
      </c>
      <c r="W27" s="15">
        <v>0.61666666666666703</v>
      </c>
      <c r="X27" s="15">
        <v>0.65833333333333299</v>
      </c>
      <c r="Y27" s="15">
        <v>0.7</v>
      </c>
      <c r="Z27" s="14">
        <v>0.7416666666666667</v>
      </c>
      <c r="AA27" s="11">
        <v>0.78541666666666676</v>
      </c>
    </row>
    <row r="28" spans="1:27" ht="24" customHeight="1" x14ac:dyDescent="0.15">
      <c r="A28" s="723"/>
      <c r="B28" s="25" t="s">
        <v>49</v>
      </c>
      <c r="C28" s="35" t="s">
        <v>19</v>
      </c>
      <c r="D28" s="19">
        <v>0.3659722222222222</v>
      </c>
      <c r="E28" s="15">
        <v>0.40763888888888888</v>
      </c>
      <c r="F28" s="15">
        <v>0.44930555555555557</v>
      </c>
      <c r="G28" s="15" t="s">
        <v>54</v>
      </c>
      <c r="H28" s="15">
        <v>0.53263888888888888</v>
      </c>
      <c r="I28" s="15" t="s">
        <v>54</v>
      </c>
      <c r="J28" s="15">
        <v>0.61597222222222225</v>
      </c>
      <c r="K28" s="15">
        <v>0.65763888888888888</v>
      </c>
      <c r="L28" s="11">
        <v>0.69930555555555562</v>
      </c>
      <c r="M28" s="11">
        <v>0.74097222222222225</v>
      </c>
      <c r="N28" s="187"/>
      <c r="O28" s="724"/>
      <c r="P28" s="36" t="s">
        <v>48</v>
      </c>
      <c r="Q28" s="11">
        <v>0.36736111111111108</v>
      </c>
      <c r="R28" s="11">
        <v>0.40902777777777777</v>
      </c>
      <c r="S28" s="12">
        <v>0.45069444444444445</v>
      </c>
      <c r="T28" s="12">
        <v>0.49236111111111108</v>
      </c>
      <c r="U28" s="12">
        <v>0.53402777777777777</v>
      </c>
      <c r="V28" s="12">
        <v>0.5756944444444444</v>
      </c>
      <c r="W28" s="12">
        <v>0.61736111111111114</v>
      </c>
      <c r="X28" s="12">
        <v>0.65902777777777777</v>
      </c>
      <c r="Y28" s="12">
        <v>0.7006944444444444</v>
      </c>
      <c r="Z28" s="14">
        <v>0.74236111111111114</v>
      </c>
      <c r="AA28" s="11">
        <v>0.78611111111111109</v>
      </c>
    </row>
    <row r="29" spans="1:27" ht="24" customHeight="1" x14ac:dyDescent="0.15">
      <c r="A29" s="723"/>
      <c r="B29" s="472" t="s">
        <v>47</v>
      </c>
      <c r="C29" s="35" t="s">
        <v>19</v>
      </c>
      <c r="D29" s="19">
        <v>0.36805555555555558</v>
      </c>
      <c r="E29" s="15">
        <v>0.40972222222222227</v>
      </c>
      <c r="F29" s="15">
        <v>0.4513888888888889</v>
      </c>
      <c r="G29" s="15" t="s">
        <v>54</v>
      </c>
      <c r="H29" s="15">
        <v>0.53472222222222221</v>
      </c>
      <c r="I29" s="15" t="s">
        <v>54</v>
      </c>
      <c r="J29" s="15">
        <v>0.61805555555555558</v>
      </c>
      <c r="K29" s="15">
        <v>0.65972222222222221</v>
      </c>
      <c r="L29" s="11">
        <v>0.70138888888888884</v>
      </c>
      <c r="M29" s="11">
        <v>0.74305555555555547</v>
      </c>
      <c r="N29" s="187"/>
      <c r="O29" s="724"/>
      <c r="P29" s="413" t="s">
        <v>46</v>
      </c>
      <c r="Q29" s="11">
        <v>0.36805555555555558</v>
      </c>
      <c r="R29" s="11">
        <v>0.40972222222222227</v>
      </c>
      <c r="S29" s="12">
        <v>0.4513888888888889</v>
      </c>
      <c r="T29" s="12">
        <v>0.49305555555555558</v>
      </c>
      <c r="U29" s="12">
        <v>0.53472222222222221</v>
      </c>
      <c r="V29" s="12">
        <v>0.57638888888888895</v>
      </c>
      <c r="W29" s="12">
        <v>0.61805555555555558</v>
      </c>
      <c r="X29" s="12">
        <v>0.65972222222222221</v>
      </c>
      <c r="Y29" s="12">
        <v>0.70138888888888884</v>
      </c>
      <c r="Z29" s="14">
        <v>0.74305555555555547</v>
      </c>
      <c r="AA29" s="11" t="s">
        <v>19</v>
      </c>
    </row>
    <row r="30" spans="1:27" ht="24" customHeight="1" x14ac:dyDescent="0.15">
      <c r="A30" s="724"/>
      <c r="B30" s="16" t="s">
        <v>45</v>
      </c>
      <c r="C30" s="37">
        <v>0.33263888888888887</v>
      </c>
      <c r="D30" s="19">
        <v>0.36874999999999997</v>
      </c>
      <c r="E30" s="15">
        <v>0.41041666666666665</v>
      </c>
      <c r="F30" s="15">
        <v>0.45208333333333334</v>
      </c>
      <c r="G30" s="15" t="s">
        <v>54</v>
      </c>
      <c r="H30" s="15">
        <v>0.53541666666666665</v>
      </c>
      <c r="I30" s="15" t="s">
        <v>54</v>
      </c>
      <c r="J30" s="15">
        <v>0.61875000000000002</v>
      </c>
      <c r="K30" s="15">
        <v>0.66041666666666665</v>
      </c>
      <c r="L30" s="11">
        <v>0.70208333333333339</v>
      </c>
      <c r="M30" s="11">
        <v>0.74375000000000002</v>
      </c>
      <c r="N30" s="187"/>
      <c r="O30" s="724"/>
      <c r="P30" s="38" t="s">
        <v>44</v>
      </c>
      <c r="Q30" s="19">
        <v>0.36874999999999997</v>
      </c>
      <c r="R30" s="11">
        <v>0.41041666666666665</v>
      </c>
      <c r="S30" s="12">
        <v>0.45208333333333334</v>
      </c>
      <c r="T30" s="12">
        <v>0.49375000000000002</v>
      </c>
      <c r="U30" s="12">
        <v>0.53541666666666665</v>
      </c>
      <c r="V30" s="12">
        <v>0.57708333333333328</v>
      </c>
      <c r="W30" s="12">
        <v>0.61875000000000002</v>
      </c>
      <c r="X30" s="12">
        <v>0.66041666666666665</v>
      </c>
      <c r="Y30" s="12">
        <v>0.70208333333333339</v>
      </c>
      <c r="Z30" s="14">
        <v>0.74375000000000002</v>
      </c>
      <c r="AA30" s="11">
        <v>0.78749999999999998</v>
      </c>
    </row>
    <row r="31" spans="1:27" ht="24" customHeight="1" x14ac:dyDescent="0.15">
      <c r="A31" s="723"/>
      <c r="B31" s="474" t="s">
        <v>43</v>
      </c>
      <c r="C31" s="35" t="s">
        <v>19</v>
      </c>
      <c r="D31" s="19">
        <v>0.36944444444444446</v>
      </c>
      <c r="E31" s="15">
        <v>0.41111111111111115</v>
      </c>
      <c r="F31" s="15">
        <v>0.45277777777777778</v>
      </c>
      <c r="G31" s="15" t="s">
        <v>54</v>
      </c>
      <c r="H31" s="15">
        <v>0.53611111111111109</v>
      </c>
      <c r="I31" s="15" t="s">
        <v>54</v>
      </c>
      <c r="J31" s="15">
        <v>0.61944444444444446</v>
      </c>
      <c r="K31" s="15">
        <v>0.66111111111111109</v>
      </c>
      <c r="L31" s="11">
        <v>0.70277777777777783</v>
      </c>
      <c r="M31" s="11">
        <v>0.74444444444444446</v>
      </c>
      <c r="N31" s="187"/>
      <c r="O31" s="724"/>
      <c r="P31" s="30" t="s">
        <v>42</v>
      </c>
      <c r="Q31" s="11">
        <v>0.36944444444444446</v>
      </c>
      <c r="R31" s="11">
        <v>0.41111111111111115</v>
      </c>
      <c r="S31" s="12">
        <v>0.45277777777777778</v>
      </c>
      <c r="T31" s="12">
        <v>0.49444444444444446</v>
      </c>
      <c r="U31" s="12">
        <v>0.53611111111111109</v>
      </c>
      <c r="V31" s="12">
        <v>0.57777777777777783</v>
      </c>
      <c r="W31" s="12">
        <v>0.61944444444444446</v>
      </c>
      <c r="X31" s="12">
        <v>0.66111111111111109</v>
      </c>
      <c r="Y31" s="12">
        <v>0.70277777777777783</v>
      </c>
      <c r="Z31" s="14">
        <v>0.74444444444444446</v>
      </c>
      <c r="AA31" s="11">
        <v>0.78819444444444453</v>
      </c>
    </row>
    <row r="32" spans="1:27" ht="24" customHeight="1" x14ac:dyDescent="0.15">
      <c r="A32" s="723"/>
      <c r="B32" s="25" t="s">
        <v>41</v>
      </c>
      <c r="C32" s="35" t="s">
        <v>19</v>
      </c>
      <c r="D32" s="19">
        <v>0.37083333333333335</v>
      </c>
      <c r="E32" s="15">
        <v>0.41250000000000003</v>
      </c>
      <c r="F32" s="15">
        <v>0.45416666666666666</v>
      </c>
      <c r="G32" s="15" t="s">
        <v>54</v>
      </c>
      <c r="H32" s="15">
        <v>0.53749999999999998</v>
      </c>
      <c r="I32" s="15" t="s">
        <v>54</v>
      </c>
      <c r="J32" s="15">
        <v>0.62083333333333335</v>
      </c>
      <c r="K32" s="15">
        <v>0.66249999999999998</v>
      </c>
      <c r="L32" s="11">
        <v>0.70416666666666661</v>
      </c>
      <c r="M32" s="11">
        <v>0.74583333333333324</v>
      </c>
      <c r="N32" s="187"/>
      <c r="O32" s="724"/>
      <c r="P32" s="16" t="s">
        <v>40</v>
      </c>
      <c r="Q32" s="11">
        <v>0.37013888888888885</v>
      </c>
      <c r="R32" s="11">
        <v>0.41180555555555554</v>
      </c>
      <c r="S32" s="12">
        <v>0.45347222222222222</v>
      </c>
      <c r="T32" s="12">
        <v>0.49513888888888885</v>
      </c>
      <c r="U32" s="12">
        <v>0.53680555555555554</v>
      </c>
      <c r="V32" s="12">
        <v>0.57847222222222217</v>
      </c>
      <c r="W32" s="12">
        <v>0.62013888888888891</v>
      </c>
      <c r="X32" s="12">
        <v>0.66180555555555554</v>
      </c>
      <c r="Y32" s="12">
        <v>0.70347222222222217</v>
      </c>
      <c r="Z32" s="14">
        <v>0.74513888888888891</v>
      </c>
      <c r="AA32" s="11">
        <v>0.78888888888888886</v>
      </c>
    </row>
    <row r="33" spans="1:27" ht="24" customHeight="1" x14ac:dyDescent="0.15">
      <c r="A33" s="723"/>
      <c r="B33" s="25" t="s">
        <v>39</v>
      </c>
      <c r="C33" s="35" t="s">
        <v>19</v>
      </c>
      <c r="D33" s="19">
        <v>0.37222222222222223</v>
      </c>
      <c r="E33" s="15">
        <v>0.41388888888888892</v>
      </c>
      <c r="F33" s="15">
        <v>0.45555555555555555</v>
      </c>
      <c r="G33" s="15" t="s">
        <v>54</v>
      </c>
      <c r="H33" s="15">
        <v>0.53888888888888886</v>
      </c>
      <c r="I33" s="15" t="s">
        <v>54</v>
      </c>
      <c r="J33" s="15">
        <v>0.62222222222222223</v>
      </c>
      <c r="K33" s="15">
        <v>0.66388888888888886</v>
      </c>
      <c r="L33" s="11">
        <v>0.7055555555555556</v>
      </c>
      <c r="M33" s="11">
        <v>0.74722222222222223</v>
      </c>
      <c r="N33" s="187"/>
      <c r="O33" s="724"/>
      <c r="P33" s="16" t="s">
        <v>59</v>
      </c>
      <c r="Q33" s="11">
        <v>0.37152777777777773</v>
      </c>
      <c r="R33" s="11">
        <v>0.41319444444444442</v>
      </c>
      <c r="S33" s="12">
        <v>0.4548611111111111</v>
      </c>
      <c r="T33" s="12">
        <v>0.49652777777777773</v>
      </c>
      <c r="U33" s="12">
        <v>0.53819444444444442</v>
      </c>
      <c r="V33" s="12">
        <v>0.57986111111111105</v>
      </c>
      <c r="W33" s="12">
        <v>0.62152777777777779</v>
      </c>
      <c r="X33" s="12">
        <v>0.66319444444444442</v>
      </c>
      <c r="Y33" s="12">
        <v>0.70486111111111116</v>
      </c>
      <c r="Z33" s="14">
        <v>0.74652777777777779</v>
      </c>
      <c r="AA33" s="11">
        <v>0.79027777777777775</v>
      </c>
    </row>
    <row r="34" spans="1:27" ht="24" customHeight="1" x14ac:dyDescent="0.15">
      <c r="A34" s="723"/>
      <c r="B34" s="25" t="s">
        <v>36</v>
      </c>
      <c r="C34" s="35" t="s">
        <v>19</v>
      </c>
      <c r="D34" s="19">
        <v>0.37291666666666662</v>
      </c>
      <c r="E34" s="15">
        <v>0.4145833333333333</v>
      </c>
      <c r="F34" s="15">
        <v>0.45624999999999999</v>
      </c>
      <c r="G34" s="15" t="s">
        <v>54</v>
      </c>
      <c r="H34" s="15">
        <v>0.5395833333333333</v>
      </c>
      <c r="I34" s="15" t="s">
        <v>54</v>
      </c>
      <c r="J34" s="15">
        <v>0.62291666666666667</v>
      </c>
      <c r="K34" s="15">
        <v>0.6645833333333333</v>
      </c>
      <c r="L34" s="11">
        <v>0.70624999999999993</v>
      </c>
      <c r="M34" s="11">
        <v>0.74791666666666667</v>
      </c>
      <c r="N34" s="187"/>
      <c r="O34" s="724"/>
      <c r="P34" s="16" t="s">
        <v>35</v>
      </c>
      <c r="Q34" s="11">
        <v>0.37152777777777773</v>
      </c>
      <c r="R34" s="11">
        <v>0.41319444444444442</v>
      </c>
      <c r="S34" s="12">
        <v>0.4548611111111111</v>
      </c>
      <c r="T34" s="12">
        <v>0.49652777777777773</v>
      </c>
      <c r="U34" s="12">
        <v>0.53819444444444442</v>
      </c>
      <c r="V34" s="12">
        <v>0.57986111111111105</v>
      </c>
      <c r="W34" s="12">
        <v>0.62152777777777779</v>
      </c>
      <c r="X34" s="12">
        <v>0.66319444444444442</v>
      </c>
      <c r="Y34" s="12">
        <v>0.70486111111111116</v>
      </c>
      <c r="Z34" s="14">
        <v>0.74652777777777779</v>
      </c>
      <c r="AA34" s="11">
        <v>0.79027777777777775</v>
      </c>
    </row>
    <row r="35" spans="1:27" ht="24" customHeight="1" x14ac:dyDescent="0.15">
      <c r="A35" s="723"/>
      <c r="B35" s="472" t="s">
        <v>34</v>
      </c>
      <c r="C35" s="35" t="s">
        <v>19</v>
      </c>
      <c r="D35" s="19">
        <v>0.37361111111111112</v>
      </c>
      <c r="E35" s="15">
        <v>0.4152777777777778</v>
      </c>
      <c r="F35" s="15">
        <v>0.45694444444444443</v>
      </c>
      <c r="G35" s="15" t="s">
        <v>54</v>
      </c>
      <c r="H35" s="15">
        <v>0.54027777777777775</v>
      </c>
      <c r="I35" s="15" t="s">
        <v>54</v>
      </c>
      <c r="J35" s="15">
        <v>0.62361111111111112</v>
      </c>
      <c r="K35" s="15">
        <v>0.66527777777777775</v>
      </c>
      <c r="L35" s="11">
        <v>0.70694444444444438</v>
      </c>
      <c r="M35" s="11">
        <v>0.74861111111111101</v>
      </c>
      <c r="N35" s="187"/>
      <c r="O35" s="724"/>
      <c r="P35" s="16" t="s">
        <v>33</v>
      </c>
      <c r="Q35" s="11">
        <v>0.37222222222222223</v>
      </c>
      <c r="R35" s="11">
        <v>0.41388888888888892</v>
      </c>
      <c r="S35" s="12">
        <v>0.45555555555555555</v>
      </c>
      <c r="T35" s="12">
        <v>0.49722222222222223</v>
      </c>
      <c r="U35" s="12">
        <v>0.53888888888888886</v>
      </c>
      <c r="V35" s="12">
        <v>0.5805555555555556</v>
      </c>
      <c r="W35" s="12">
        <v>0.62222222222222223</v>
      </c>
      <c r="X35" s="12">
        <v>0.66388888888888886</v>
      </c>
      <c r="Y35" s="12">
        <v>0.7055555555555556</v>
      </c>
      <c r="Z35" s="14">
        <v>0.74722222222222223</v>
      </c>
      <c r="AA35" s="11">
        <v>0.83263888888888893</v>
      </c>
    </row>
    <row r="36" spans="1:27" ht="24" customHeight="1" x14ac:dyDescent="0.15">
      <c r="A36" s="724"/>
      <c r="B36" s="16" t="s">
        <v>32</v>
      </c>
      <c r="C36" s="37">
        <v>0.33611111111111108</v>
      </c>
      <c r="D36" s="19">
        <v>0.375</v>
      </c>
      <c r="E36" s="15">
        <v>0.41666666666666669</v>
      </c>
      <c r="F36" s="15">
        <v>0.45833333333333331</v>
      </c>
      <c r="G36" s="15" t="s">
        <v>54</v>
      </c>
      <c r="H36" s="15">
        <v>0.54166666666666663</v>
      </c>
      <c r="I36" s="15" t="s">
        <v>54</v>
      </c>
      <c r="J36" s="15">
        <v>0.625</v>
      </c>
      <c r="K36" s="15">
        <v>0.66666666666666663</v>
      </c>
      <c r="L36" s="11">
        <v>0.70833333333333337</v>
      </c>
      <c r="M36" s="11">
        <v>0.75</v>
      </c>
      <c r="N36" s="187"/>
      <c r="O36" s="724"/>
      <c r="P36" s="16" t="s">
        <v>31</v>
      </c>
      <c r="Q36" s="11">
        <v>0.37291666666666662</v>
      </c>
      <c r="R36" s="11">
        <v>0.4145833333333333</v>
      </c>
      <c r="S36" s="12">
        <v>0.45624999999999999</v>
      </c>
      <c r="T36" s="12">
        <v>0.49791666666666662</v>
      </c>
      <c r="U36" s="12">
        <v>0.5395833333333333</v>
      </c>
      <c r="V36" s="12">
        <v>0.58125000000000004</v>
      </c>
      <c r="W36" s="12">
        <v>0.62291666666666667</v>
      </c>
      <c r="X36" s="12">
        <v>0.6645833333333333</v>
      </c>
      <c r="Y36" s="12">
        <v>0.70625000000000004</v>
      </c>
      <c r="Z36" s="14">
        <v>0.74791666666666667</v>
      </c>
      <c r="AA36" s="11">
        <v>0.79166666666666663</v>
      </c>
    </row>
    <row r="37" spans="1:27" ht="24" customHeight="1" x14ac:dyDescent="0.15">
      <c r="A37" s="723"/>
      <c r="B37" s="474" t="s">
        <v>30</v>
      </c>
      <c r="C37" s="35" t="s">
        <v>19</v>
      </c>
      <c r="D37" s="19">
        <v>0.375</v>
      </c>
      <c r="E37" s="15">
        <v>0.41666666666666669</v>
      </c>
      <c r="F37" s="15">
        <v>0.45833333333333331</v>
      </c>
      <c r="G37" s="15" t="s">
        <v>54</v>
      </c>
      <c r="H37" s="15">
        <v>0.54166666666666663</v>
      </c>
      <c r="I37" s="15" t="s">
        <v>54</v>
      </c>
      <c r="J37" s="15">
        <v>0.625</v>
      </c>
      <c r="K37" s="15">
        <v>0.66666666666666663</v>
      </c>
      <c r="L37" s="11">
        <v>0.70833333333333337</v>
      </c>
      <c r="M37" s="11">
        <v>0.75</v>
      </c>
      <c r="N37" s="187"/>
      <c r="O37" s="724"/>
      <c r="P37" s="16" t="s">
        <v>29</v>
      </c>
      <c r="Q37" s="11">
        <v>0.37361111111111112</v>
      </c>
      <c r="R37" s="11">
        <v>0.4152777777777778</v>
      </c>
      <c r="S37" s="12">
        <v>0.45694444444444443</v>
      </c>
      <c r="T37" s="12">
        <v>0.49861111111111112</v>
      </c>
      <c r="U37" s="12">
        <v>0.54027777777777775</v>
      </c>
      <c r="V37" s="12">
        <v>0.58194444444444449</v>
      </c>
      <c r="W37" s="12">
        <v>0.62361111111111112</v>
      </c>
      <c r="X37" s="12">
        <v>0.66527777777777775</v>
      </c>
      <c r="Y37" s="12">
        <v>0.70694444444444438</v>
      </c>
      <c r="Z37" s="14">
        <v>0.74861111111111101</v>
      </c>
      <c r="AA37" s="11">
        <v>0.79236111111111107</v>
      </c>
    </row>
    <row r="38" spans="1:27" ht="24" customHeight="1" x14ac:dyDescent="0.15">
      <c r="A38" s="723"/>
      <c r="B38" s="25" t="s">
        <v>28</v>
      </c>
      <c r="C38" s="35" t="s">
        <v>19</v>
      </c>
      <c r="D38" s="19">
        <v>0.37708333333333338</v>
      </c>
      <c r="E38" s="15">
        <v>0.41875000000000001</v>
      </c>
      <c r="F38" s="15">
        <v>0.4604166666666667</v>
      </c>
      <c r="G38" s="15" t="s">
        <v>54</v>
      </c>
      <c r="H38" s="15">
        <v>0.54375000000000007</v>
      </c>
      <c r="I38" s="15" t="s">
        <v>54</v>
      </c>
      <c r="J38" s="15">
        <v>0.62708333333333333</v>
      </c>
      <c r="K38" s="15">
        <v>0.66875000000000007</v>
      </c>
      <c r="L38" s="11">
        <v>0.7104166666666667</v>
      </c>
      <c r="M38" s="11">
        <v>0.75208333333333333</v>
      </c>
      <c r="N38" s="187"/>
      <c r="O38" s="724"/>
      <c r="P38" s="16" t="s">
        <v>27</v>
      </c>
      <c r="Q38" s="11">
        <v>0.3743055555555555</v>
      </c>
      <c r="R38" s="11">
        <v>0.41597222222222219</v>
      </c>
      <c r="S38" s="12">
        <v>0.45763888888888887</v>
      </c>
      <c r="T38" s="12">
        <v>0.4993055555555555</v>
      </c>
      <c r="U38" s="12">
        <v>0.54097222222222219</v>
      </c>
      <c r="V38" s="12">
        <v>0.58263888888888882</v>
      </c>
      <c r="W38" s="12">
        <v>0.62430555555555556</v>
      </c>
      <c r="X38" s="12">
        <v>0.66597222222222219</v>
      </c>
      <c r="Y38" s="12">
        <v>0.70763888888888893</v>
      </c>
      <c r="Z38" s="14">
        <v>0.74930555555555556</v>
      </c>
      <c r="AA38" s="11">
        <v>0.79305555555555562</v>
      </c>
    </row>
    <row r="39" spans="1:27" ht="24" customHeight="1" x14ac:dyDescent="0.15">
      <c r="A39" s="723"/>
      <c r="B39" s="476" t="s">
        <v>26</v>
      </c>
      <c r="C39" s="35">
        <v>0.33958333333333335</v>
      </c>
      <c r="D39" s="19">
        <v>0.37847222222222227</v>
      </c>
      <c r="E39" s="15">
        <v>0.4201388888888889</v>
      </c>
      <c r="F39" s="15">
        <v>0.46180555555555558</v>
      </c>
      <c r="G39" s="15" t="s">
        <v>54</v>
      </c>
      <c r="H39" s="15">
        <v>0.54513888888888895</v>
      </c>
      <c r="I39" s="15" t="s">
        <v>54</v>
      </c>
      <c r="J39" s="15">
        <v>0.62847222222222221</v>
      </c>
      <c r="K39" s="15">
        <v>0.67013888888888884</v>
      </c>
      <c r="L39" s="11">
        <v>0.71180555555555547</v>
      </c>
      <c r="M39" s="11">
        <v>0.75347222222222221</v>
      </c>
      <c r="N39" s="187"/>
      <c r="O39" s="724"/>
      <c r="P39" s="16" t="s">
        <v>25</v>
      </c>
      <c r="Q39" s="11">
        <v>0.3743055555555555</v>
      </c>
      <c r="R39" s="11">
        <v>0.41597222222222219</v>
      </c>
      <c r="S39" s="12">
        <v>0.45763888888888887</v>
      </c>
      <c r="T39" s="12">
        <v>0.4993055555555555</v>
      </c>
      <c r="U39" s="12">
        <v>0.54097222222222219</v>
      </c>
      <c r="V39" s="12">
        <v>0.58263888888888882</v>
      </c>
      <c r="W39" s="12">
        <v>0.62430555555555556</v>
      </c>
      <c r="X39" s="12">
        <v>0.66597222222222219</v>
      </c>
      <c r="Y39" s="12">
        <v>0.70763888888888893</v>
      </c>
      <c r="Z39" s="14">
        <v>0.74930555555555556</v>
      </c>
      <c r="AA39" s="11" t="s">
        <v>19</v>
      </c>
    </row>
    <row r="40" spans="1:27" ht="24" customHeight="1" x14ac:dyDescent="0.15">
      <c r="A40" s="723"/>
      <c r="B40" s="25" t="s">
        <v>24</v>
      </c>
      <c r="C40" s="35">
        <v>0.34097222222222223</v>
      </c>
      <c r="D40" s="19">
        <v>0.37916666666666665</v>
      </c>
      <c r="E40" s="15">
        <v>0.42083333333333334</v>
      </c>
      <c r="F40" s="15">
        <v>0.46249999999999997</v>
      </c>
      <c r="G40" s="15" t="s">
        <v>54</v>
      </c>
      <c r="H40" s="15">
        <v>0.54583333333333328</v>
      </c>
      <c r="I40" s="15" t="s">
        <v>54</v>
      </c>
      <c r="J40" s="15">
        <v>0.62916666666666665</v>
      </c>
      <c r="K40" s="15">
        <v>0.67083333333333339</v>
      </c>
      <c r="L40" s="11">
        <v>0.71250000000000002</v>
      </c>
      <c r="M40" s="11">
        <v>0.75416666666666676</v>
      </c>
      <c r="N40" s="187"/>
      <c r="O40" s="724"/>
      <c r="P40" s="16" t="s">
        <v>23</v>
      </c>
      <c r="Q40" s="11">
        <v>0.375</v>
      </c>
      <c r="R40" s="11">
        <v>0.41666666666666669</v>
      </c>
      <c r="S40" s="12">
        <v>0.45833333333333331</v>
      </c>
      <c r="T40" s="12">
        <v>0.5</v>
      </c>
      <c r="U40" s="12">
        <v>0.54166666666666663</v>
      </c>
      <c r="V40" s="12">
        <v>0.58333333333333337</v>
      </c>
      <c r="W40" s="12">
        <v>0.625</v>
      </c>
      <c r="X40" s="12">
        <v>0.66666666666666663</v>
      </c>
      <c r="Y40" s="12">
        <v>0.70833333333333337</v>
      </c>
      <c r="Z40" s="14">
        <v>0.75</v>
      </c>
      <c r="AA40" s="11" t="s">
        <v>19</v>
      </c>
    </row>
    <row r="41" spans="1:27" ht="24" customHeight="1" x14ac:dyDescent="0.15">
      <c r="A41" s="723"/>
      <c r="B41" s="25" t="s">
        <v>22</v>
      </c>
      <c r="C41" s="35" t="s">
        <v>19</v>
      </c>
      <c r="D41" s="19">
        <v>0.37916666666666665</v>
      </c>
      <c r="E41" s="15">
        <v>0.42083333333333334</v>
      </c>
      <c r="F41" s="15">
        <v>0.46249999999999997</v>
      </c>
      <c r="G41" s="15" t="s">
        <v>54</v>
      </c>
      <c r="H41" s="15">
        <v>0.54583333333333328</v>
      </c>
      <c r="I41" s="15" t="s">
        <v>54</v>
      </c>
      <c r="J41" s="15">
        <v>0.62916666666666665</v>
      </c>
      <c r="K41" s="15">
        <v>0.67083333333333339</v>
      </c>
      <c r="L41" s="11">
        <v>0.71250000000000002</v>
      </c>
      <c r="M41" s="11">
        <v>0.75416666666666676</v>
      </c>
      <c r="N41" s="187"/>
      <c r="O41" s="724"/>
      <c r="P41" s="16" t="s">
        <v>20</v>
      </c>
      <c r="Q41" s="11">
        <v>0.3756944444444445</v>
      </c>
      <c r="R41" s="11">
        <v>0.41736111111111113</v>
      </c>
      <c r="S41" s="12">
        <v>0.45902777777777781</v>
      </c>
      <c r="T41" s="12">
        <v>0.50069444444444444</v>
      </c>
      <c r="U41" s="12">
        <v>0.54236111111111118</v>
      </c>
      <c r="V41" s="12">
        <v>0.58402777777777781</v>
      </c>
      <c r="W41" s="12">
        <v>0.62569444444444444</v>
      </c>
      <c r="X41" s="12">
        <v>0.66736111111111107</v>
      </c>
      <c r="Y41" s="12">
        <v>0.7090277777777777</v>
      </c>
      <c r="Z41" s="14">
        <v>0.75069444444444444</v>
      </c>
      <c r="AA41" s="11" t="s">
        <v>19</v>
      </c>
    </row>
    <row r="42" spans="1:27" ht="24" customHeight="1" x14ac:dyDescent="0.15">
      <c r="A42" s="723"/>
      <c r="B42" s="25" t="s">
        <v>18</v>
      </c>
      <c r="C42" s="35" t="s">
        <v>19</v>
      </c>
      <c r="D42" s="19">
        <v>0.37986111111111115</v>
      </c>
      <c r="E42" s="15">
        <v>0.42152777777777778</v>
      </c>
      <c r="F42" s="15">
        <v>0.46319444444444446</v>
      </c>
      <c r="G42" s="15" t="s">
        <v>54</v>
      </c>
      <c r="H42" s="15">
        <v>0.54652777777777783</v>
      </c>
      <c r="I42" s="15" t="s">
        <v>54</v>
      </c>
      <c r="J42" s="15">
        <v>0.62986111111111109</v>
      </c>
      <c r="K42" s="15">
        <v>0.67152777777777783</v>
      </c>
      <c r="L42" s="11">
        <v>0.71319444444444446</v>
      </c>
      <c r="M42" s="11">
        <v>0.75486111111111109</v>
      </c>
      <c r="N42" s="187"/>
      <c r="O42" s="724"/>
      <c r="P42" s="16" t="s">
        <v>17</v>
      </c>
      <c r="Q42" s="11">
        <v>0.37708333333333338</v>
      </c>
      <c r="R42" s="11">
        <v>0.41875000000000001</v>
      </c>
      <c r="S42" s="12">
        <v>0.4604166666666667</v>
      </c>
      <c r="T42" s="12">
        <v>0.50208333333333333</v>
      </c>
      <c r="U42" s="12">
        <v>0.54375000000000007</v>
      </c>
      <c r="V42" s="12">
        <v>0.5854166666666667</v>
      </c>
      <c r="W42" s="12">
        <v>0.62708333333333333</v>
      </c>
      <c r="X42" s="12">
        <v>0.66875000000000007</v>
      </c>
      <c r="Y42" s="12">
        <v>0.7104166666666667</v>
      </c>
      <c r="Z42" s="14">
        <v>0.75208333333333333</v>
      </c>
      <c r="AA42" s="11">
        <v>0.7944444444444444</v>
      </c>
    </row>
    <row r="43" spans="1:27" ht="24" customHeight="1" x14ac:dyDescent="0.15">
      <c r="A43" s="723"/>
      <c r="B43" s="25" t="s">
        <v>15</v>
      </c>
      <c r="C43" s="40">
        <v>0.34236111111111112</v>
      </c>
      <c r="D43" s="19">
        <v>0.37986111111111115</v>
      </c>
      <c r="E43" s="15">
        <v>0.42152777777777778</v>
      </c>
      <c r="F43" s="15">
        <v>0.46319444444444446</v>
      </c>
      <c r="G43" s="15" t="s">
        <v>54</v>
      </c>
      <c r="H43" s="15">
        <v>0.54652777777777783</v>
      </c>
      <c r="I43" s="15" t="s">
        <v>54</v>
      </c>
      <c r="J43" s="15">
        <v>0.62986111111111109</v>
      </c>
      <c r="K43" s="15">
        <v>0.67152777777777783</v>
      </c>
      <c r="L43" s="11">
        <v>0.71319444444444446</v>
      </c>
      <c r="M43" s="11">
        <v>0.75486111111111109</v>
      </c>
      <c r="N43" s="187"/>
      <c r="O43" s="724"/>
      <c r="P43" s="16" t="s">
        <v>14</v>
      </c>
      <c r="Q43" s="11">
        <v>0.37847222222222227</v>
      </c>
      <c r="R43" s="11">
        <v>0.4201388888888889</v>
      </c>
      <c r="S43" s="12">
        <v>0.46180555555555558</v>
      </c>
      <c r="T43" s="12">
        <v>0.50347222222222221</v>
      </c>
      <c r="U43" s="12">
        <v>0.54513888888888895</v>
      </c>
      <c r="V43" s="12">
        <v>0.58680555555555558</v>
      </c>
      <c r="W43" s="12">
        <v>0.62847222222222221</v>
      </c>
      <c r="X43" s="12">
        <v>0.67013888888888884</v>
      </c>
      <c r="Y43" s="12">
        <v>0.71180555555555547</v>
      </c>
      <c r="Z43" s="14">
        <v>0.75347222222222221</v>
      </c>
      <c r="AA43" s="11">
        <v>0.79583333333333339</v>
      </c>
    </row>
    <row r="44" spans="1:27" ht="15" customHeight="1" x14ac:dyDescent="0.15">
      <c r="A44" s="477"/>
      <c r="B44" s="187"/>
      <c r="C44" s="382"/>
      <c r="D44" s="382"/>
      <c r="L44" s="382"/>
      <c r="M44" s="382"/>
      <c r="N44" s="187"/>
      <c r="O44" s="477"/>
      <c r="P44" s="187"/>
      <c r="Q44" s="382"/>
      <c r="R44" s="382"/>
      <c r="S44" s="382"/>
      <c r="T44" s="382"/>
      <c r="U44" s="382"/>
      <c r="V44" s="382"/>
      <c r="W44" s="382"/>
      <c r="X44" s="382"/>
      <c r="Y44" s="382"/>
      <c r="Z44" s="382"/>
      <c r="AA44" s="382"/>
    </row>
    <row r="45" spans="1:27" ht="15" customHeight="1" x14ac:dyDescent="0.15">
      <c r="A45" s="187"/>
      <c r="B45" s="187"/>
      <c r="C45" s="382"/>
      <c r="D45" s="382"/>
      <c r="L45" s="382"/>
      <c r="M45" s="382"/>
      <c r="N45" s="187"/>
      <c r="O45" s="187"/>
      <c r="P45" s="187"/>
      <c r="Q45" s="382"/>
      <c r="R45" s="382"/>
      <c r="S45" s="382"/>
      <c r="T45" s="382"/>
      <c r="U45" s="382"/>
      <c r="V45" s="382"/>
      <c r="W45" s="382"/>
      <c r="X45" s="382"/>
      <c r="Y45" s="382"/>
      <c r="Z45" s="382"/>
      <c r="AA45" s="382"/>
    </row>
    <row r="46" spans="1:27" ht="15" customHeight="1" x14ac:dyDescent="0.15">
      <c r="A46" s="187"/>
      <c r="B46" s="187"/>
      <c r="C46" s="382"/>
      <c r="D46" s="382"/>
      <c r="L46" s="382"/>
      <c r="M46" s="382"/>
      <c r="N46" s="187"/>
      <c r="O46" s="187"/>
      <c r="P46" s="187"/>
      <c r="Q46" s="382"/>
      <c r="R46" s="382"/>
      <c r="S46" s="382"/>
      <c r="T46" s="382"/>
      <c r="U46" s="382"/>
      <c r="V46" s="382"/>
      <c r="W46" s="382"/>
      <c r="X46" s="382"/>
      <c r="Y46" s="382"/>
      <c r="Z46" s="382"/>
      <c r="AA46" s="382"/>
    </row>
    <row r="47" spans="1:27" ht="15" customHeight="1" x14ac:dyDescent="0.15"/>
    <row r="48" spans="1:27" ht="15" customHeight="1" x14ac:dyDescent="0.15"/>
    <row r="49" ht="15" customHeight="1" x14ac:dyDescent="0.15"/>
    <row r="50" ht="15" customHeight="1" x14ac:dyDescent="0.15"/>
    <row r="51" ht="15" customHeight="1" x14ac:dyDescent="0.15"/>
    <row r="52" ht="15" customHeight="1" x14ac:dyDescent="0.15"/>
    <row r="53" ht="15" customHeight="1" x14ac:dyDescent="0.15"/>
    <row r="54" ht="15" customHeight="1" x14ac:dyDescent="0.15"/>
    <row r="55" ht="15" customHeight="1" x14ac:dyDescent="0.15"/>
    <row r="56" ht="15" customHeight="1" x14ac:dyDescent="0.15"/>
    <row r="57" ht="15" customHeight="1" x14ac:dyDescent="0.15"/>
    <row r="58" ht="15" customHeight="1" x14ac:dyDescent="0.15"/>
    <row r="59" ht="15" customHeight="1" x14ac:dyDescent="0.15"/>
    <row r="60" ht="15" customHeight="1" x14ac:dyDescent="0.15"/>
    <row r="61" ht="15" customHeight="1" x14ac:dyDescent="0.15"/>
    <row r="62" ht="15" customHeight="1" x14ac:dyDescent="0.15"/>
    <row r="63" ht="15" customHeight="1" x14ac:dyDescent="0.15"/>
    <row r="64" ht="15" customHeight="1" x14ac:dyDescent="0.15"/>
    <row r="65" ht="15" customHeight="1" x14ac:dyDescent="0.15"/>
    <row r="66" ht="15" customHeight="1" x14ac:dyDescent="0.15"/>
    <row r="67" ht="15" customHeight="1" x14ac:dyDescent="0.15"/>
    <row r="68" ht="15" customHeight="1" x14ac:dyDescent="0.15"/>
    <row r="69" ht="15" customHeight="1" x14ac:dyDescent="0.15"/>
    <row r="70" ht="15" customHeight="1" x14ac:dyDescent="0.15"/>
    <row r="71" ht="15" customHeight="1" x14ac:dyDescent="0.15"/>
    <row r="72" ht="15" customHeight="1" x14ac:dyDescent="0.15"/>
    <row r="73" ht="15" customHeight="1" x14ac:dyDescent="0.15"/>
    <row r="74" ht="15" customHeight="1" x14ac:dyDescent="0.15"/>
    <row r="75" ht="15" customHeight="1" x14ac:dyDescent="0.15"/>
  </sheetData>
  <mergeCells count="3">
    <mergeCell ref="B1:AA1"/>
    <mergeCell ref="A3:A43"/>
    <mergeCell ref="O3:O43"/>
  </mergeCells>
  <phoneticPr fontId="3"/>
  <pageMargins left="0.39370078740157483" right="0" top="0" bottom="0" header="0" footer="0"/>
  <pageSetup paperSize="9" scale="55" orientation="landscape" horizontalDpi="300" verticalDpi="300" r:id="rId1"/>
  <headerFooter alignWithMargins="0">
    <oddFooter xml:space="preserve">&amp;C&amp;16 </oddFooter>
  </headerFooter>
  <drawing r:id="rId2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E36"/>
  <sheetViews>
    <sheetView view="pageBreakPreview" zoomScale="60" zoomScaleNormal="85" workbookViewId="0">
      <selection activeCell="G4" sqref="G4"/>
    </sheetView>
  </sheetViews>
  <sheetFormatPr defaultRowHeight="15" customHeight="1" x14ac:dyDescent="0.15"/>
  <cols>
    <col min="1" max="1" width="4.125" style="89" customWidth="1"/>
    <col min="2" max="2" width="22.625" style="89" customWidth="1"/>
    <col min="3" max="3" width="7.625" style="102" hidden="1" customWidth="1"/>
    <col min="4" max="11" width="7.625" style="89" customWidth="1"/>
    <col min="12" max="12" width="3.625" style="89" customWidth="1"/>
    <col min="13" max="13" width="4.125" style="89" customWidth="1"/>
    <col min="14" max="14" width="22.625" style="89" customWidth="1"/>
    <col min="15" max="15" width="7.625" style="102" hidden="1" customWidth="1"/>
    <col min="16" max="23" width="7.625" style="89" customWidth="1"/>
    <col min="24" max="16384" width="9" style="89"/>
  </cols>
  <sheetData>
    <row r="1" spans="1:31" ht="24.95" customHeight="1" x14ac:dyDescent="0.15">
      <c r="A1" s="88"/>
      <c r="B1" s="756" t="s">
        <v>887</v>
      </c>
      <c r="C1" s="842"/>
      <c r="D1" s="842"/>
      <c r="E1" s="842"/>
      <c r="F1" s="842"/>
      <c r="G1" s="842"/>
      <c r="H1" s="842"/>
      <c r="I1" s="842"/>
      <c r="J1" s="842"/>
      <c r="K1" s="842"/>
      <c r="L1" s="842"/>
      <c r="M1" s="842"/>
      <c r="N1" s="842"/>
      <c r="O1" s="842"/>
      <c r="P1" s="842"/>
      <c r="Q1" s="842"/>
      <c r="R1" s="842"/>
      <c r="S1" s="842"/>
      <c r="T1" s="842"/>
      <c r="U1" s="842"/>
      <c r="V1" s="842"/>
      <c r="W1" s="842"/>
    </row>
    <row r="2" spans="1:31" ht="15" customHeight="1" x14ac:dyDescent="0.15">
      <c r="A2" s="42"/>
      <c r="B2" s="42"/>
      <c r="C2" s="43"/>
      <c r="D2" s="90"/>
      <c r="E2" s="90"/>
      <c r="F2" s="90"/>
      <c r="G2" s="90"/>
      <c r="H2" s="91"/>
      <c r="I2" s="91"/>
      <c r="J2" s="90"/>
      <c r="K2" s="90"/>
      <c r="L2" s="42"/>
      <c r="M2" s="42"/>
      <c r="N2" s="42"/>
      <c r="O2" s="43"/>
      <c r="P2" s="90"/>
      <c r="Q2" s="90"/>
      <c r="R2" s="91"/>
      <c r="S2" s="90"/>
      <c r="T2" s="91"/>
      <c r="U2" s="90"/>
      <c r="V2" s="90"/>
      <c r="W2" s="90"/>
    </row>
    <row r="3" spans="1:31" s="102" customFormat="1" ht="20.100000000000001" customHeight="1" x14ac:dyDescent="0.15">
      <c r="A3" s="843" t="s">
        <v>120</v>
      </c>
      <c r="B3" s="92" t="s">
        <v>1</v>
      </c>
      <c r="C3" s="93"/>
      <c r="D3" s="94" t="s">
        <v>2</v>
      </c>
      <c r="E3" s="94" t="s">
        <v>3</v>
      </c>
      <c r="F3" s="94" t="s">
        <v>4</v>
      </c>
      <c r="G3" s="93" t="s">
        <v>5</v>
      </c>
      <c r="H3" s="95" t="s">
        <v>6</v>
      </c>
      <c r="I3" s="95" t="s">
        <v>7</v>
      </c>
      <c r="J3" s="93" t="s">
        <v>8</v>
      </c>
      <c r="K3" s="94" t="s">
        <v>9</v>
      </c>
      <c r="L3" s="43"/>
      <c r="M3" s="843" t="s">
        <v>121</v>
      </c>
      <c r="N3" s="96" t="s">
        <v>1</v>
      </c>
      <c r="O3" s="97"/>
      <c r="P3" s="98" t="s">
        <v>2</v>
      </c>
      <c r="Q3" s="99" t="s">
        <v>3</v>
      </c>
      <c r="R3" s="100" t="s">
        <v>4</v>
      </c>
      <c r="S3" s="101" t="s">
        <v>5</v>
      </c>
      <c r="T3" s="100" t="s">
        <v>6</v>
      </c>
      <c r="U3" s="101" t="s">
        <v>7</v>
      </c>
      <c r="V3" s="101" t="s">
        <v>8</v>
      </c>
      <c r="W3" s="99" t="s">
        <v>9</v>
      </c>
    </row>
    <row r="4" spans="1:31" s="102" customFormat="1" ht="20.100000000000001" customHeight="1" x14ac:dyDescent="0.15">
      <c r="A4" s="843"/>
      <c r="B4" s="103" t="s">
        <v>122</v>
      </c>
      <c r="C4" s="104"/>
      <c r="D4" s="45" t="s">
        <v>123</v>
      </c>
      <c r="E4" s="45" t="s">
        <v>123</v>
      </c>
      <c r="F4" s="45" t="s">
        <v>123</v>
      </c>
      <c r="G4" s="49" t="s">
        <v>123</v>
      </c>
      <c r="H4" s="105">
        <v>0.56597222222222221</v>
      </c>
      <c r="I4" s="105">
        <v>0.64583333333333337</v>
      </c>
      <c r="J4" s="105">
        <v>0.70486111111111116</v>
      </c>
      <c r="K4" s="45" t="s">
        <v>123</v>
      </c>
      <c r="L4" s="43"/>
      <c r="M4" s="844"/>
      <c r="N4" s="38" t="s">
        <v>124</v>
      </c>
      <c r="O4" s="106"/>
      <c r="P4" s="107">
        <v>0.31041666666666667</v>
      </c>
      <c r="Q4" s="55">
        <v>0.32777777777777778</v>
      </c>
      <c r="R4" s="105">
        <v>0.4381944444444445</v>
      </c>
      <c r="S4" s="56">
        <v>0.53194444444444444</v>
      </c>
      <c r="T4" s="105">
        <v>0.6118055555555556</v>
      </c>
      <c r="U4" s="56">
        <v>0.68472222222222223</v>
      </c>
      <c r="V4" s="56">
        <v>0.74444444444444446</v>
      </c>
      <c r="W4" s="55">
        <v>0.79305555555555562</v>
      </c>
    </row>
    <row r="5" spans="1:31" s="102" customFormat="1" ht="20.100000000000001" customHeight="1" x14ac:dyDescent="0.15">
      <c r="A5" s="843"/>
      <c r="B5" s="103" t="s">
        <v>125</v>
      </c>
      <c r="C5" s="104">
        <v>1.3888888888888889E-3</v>
      </c>
      <c r="D5" s="45" t="s">
        <v>123</v>
      </c>
      <c r="E5" s="45" t="s">
        <v>123</v>
      </c>
      <c r="F5" s="45" t="s">
        <v>123</v>
      </c>
      <c r="G5" s="49" t="s">
        <v>123</v>
      </c>
      <c r="H5" s="105">
        <v>0.56736111111111109</v>
      </c>
      <c r="I5" s="105">
        <v>0.64722222222222225</v>
      </c>
      <c r="J5" s="105">
        <v>0.70625000000000004</v>
      </c>
      <c r="K5" s="55" t="s">
        <v>123</v>
      </c>
      <c r="L5" s="43"/>
      <c r="M5" s="844"/>
      <c r="N5" s="38" t="s">
        <v>126</v>
      </c>
      <c r="O5" s="104">
        <v>2.7777777777777779E-3</v>
      </c>
      <c r="P5" s="107">
        <v>0.31319444444444444</v>
      </c>
      <c r="Q5" s="55">
        <v>0.33055555555555555</v>
      </c>
      <c r="R5" s="105">
        <v>0.44097222222222227</v>
      </c>
      <c r="S5" s="56">
        <v>0.53472222222222221</v>
      </c>
      <c r="T5" s="105">
        <v>0.61458333333333337</v>
      </c>
      <c r="U5" s="56">
        <v>0.6875</v>
      </c>
      <c r="V5" s="56">
        <v>0.74722222222222223</v>
      </c>
      <c r="W5" s="55">
        <v>0.79583333333333339</v>
      </c>
    </row>
    <row r="6" spans="1:31" s="102" customFormat="1" ht="20.100000000000001" customHeight="1" x14ac:dyDescent="0.15">
      <c r="A6" s="843"/>
      <c r="B6" s="103" t="s">
        <v>23</v>
      </c>
      <c r="C6" s="104">
        <v>1.3888888888888889E-3</v>
      </c>
      <c r="D6" s="45" t="s">
        <v>123</v>
      </c>
      <c r="E6" s="45" t="s">
        <v>123</v>
      </c>
      <c r="F6" s="45" t="s">
        <v>123</v>
      </c>
      <c r="G6" s="49" t="s">
        <v>123</v>
      </c>
      <c r="H6" s="105">
        <v>0.56874999999999998</v>
      </c>
      <c r="I6" s="105">
        <v>0.64861111111111114</v>
      </c>
      <c r="J6" s="105">
        <v>0.70763888888888893</v>
      </c>
      <c r="K6" s="55" t="s">
        <v>123</v>
      </c>
      <c r="L6" s="43"/>
      <c r="M6" s="844"/>
      <c r="N6" s="103" t="s">
        <v>127</v>
      </c>
      <c r="O6" s="104">
        <v>1.3888888888888889E-3</v>
      </c>
      <c r="P6" s="107">
        <v>0.31458333333333333</v>
      </c>
      <c r="Q6" s="55">
        <v>0.33194444444444443</v>
      </c>
      <c r="R6" s="105">
        <v>0.44236111111111115</v>
      </c>
      <c r="S6" s="56">
        <v>0.53611111111111109</v>
      </c>
      <c r="T6" s="105">
        <v>0.61597222222222225</v>
      </c>
      <c r="U6" s="56">
        <v>0.68888888888888899</v>
      </c>
      <c r="V6" s="56">
        <v>0.74861111111111101</v>
      </c>
      <c r="W6" s="55">
        <v>0.79722222222222217</v>
      </c>
      <c r="Z6" s="108"/>
      <c r="AA6" s="108"/>
      <c r="AB6" s="108"/>
      <c r="AC6" s="108"/>
      <c r="AD6" s="108"/>
      <c r="AE6" s="108"/>
    </row>
    <row r="7" spans="1:31" s="102" customFormat="1" ht="20.100000000000001" customHeight="1" x14ac:dyDescent="0.15">
      <c r="A7" s="843"/>
      <c r="B7" s="103" t="s">
        <v>128</v>
      </c>
      <c r="C7" s="104">
        <v>4.8611111111111112E-3</v>
      </c>
      <c r="D7" s="45" t="s">
        <v>123</v>
      </c>
      <c r="E7" s="45" t="s">
        <v>123</v>
      </c>
      <c r="F7" s="45" t="s">
        <v>123</v>
      </c>
      <c r="G7" s="49" t="s">
        <v>123</v>
      </c>
      <c r="H7" s="105">
        <v>0.57361111111111107</v>
      </c>
      <c r="I7" s="105">
        <v>0.65347222222222223</v>
      </c>
      <c r="J7" s="105">
        <v>0.71250000000000002</v>
      </c>
      <c r="K7" s="55" t="s">
        <v>123</v>
      </c>
      <c r="L7" s="43"/>
      <c r="M7" s="844"/>
      <c r="N7" s="103" t="s">
        <v>129</v>
      </c>
      <c r="O7" s="104">
        <v>6.9444444444444447E-4</v>
      </c>
      <c r="P7" s="107">
        <v>0.31527777777777777</v>
      </c>
      <c r="Q7" s="55">
        <v>0.33263888888888887</v>
      </c>
      <c r="R7" s="105">
        <v>0.44305555555555554</v>
      </c>
      <c r="S7" s="56">
        <v>0.53680555555555554</v>
      </c>
      <c r="T7" s="105">
        <v>0.6166666666666667</v>
      </c>
      <c r="U7" s="56">
        <v>0.68958333333333333</v>
      </c>
      <c r="V7" s="56">
        <v>0.74930555555555556</v>
      </c>
      <c r="W7" s="55">
        <v>0.79791666666666661</v>
      </c>
      <c r="Z7" s="108"/>
      <c r="AA7" s="108"/>
      <c r="AB7" s="108"/>
      <c r="AC7" s="108"/>
      <c r="AD7" s="108"/>
      <c r="AE7" s="108"/>
    </row>
    <row r="8" spans="1:31" s="102" customFormat="1" ht="20.100000000000001" customHeight="1" x14ac:dyDescent="0.15">
      <c r="A8" s="843"/>
      <c r="B8" s="103" t="s">
        <v>130</v>
      </c>
      <c r="C8" s="104">
        <v>6.9444444444444441E-3</v>
      </c>
      <c r="D8" s="55">
        <v>0.27777777777777779</v>
      </c>
      <c r="E8" s="55">
        <v>0.2986111111111111</v>
      </c>
      <c r="F8" s="55">
        <v>0.34027777777777773</v>
      </c>
      <c r="G8" s="56">
        <v>0.39583333333333331</v>
      </c>
      <c r="H8" s="105">
        <v>0.5756944444444444</v>
      </c>
      <c r="I8" s="105">
        <v>0.65555555555555556</v>
      </c>
      <c r="J8" s="56">
        <v>0.71458333333333324</v>
      </c>
      <c r="K8" s="55">
        <v>0.75694444444444453</v>
      </c>
      <c r="L8" s="43"/>
      <c r="M8" s="844"/>
      <c r="N8" s="103" t="s">
        <v>131</v>
      </c>
      <c r="O8" s="104">
        <v>6.9444444444444447E-4</v>
      </c>
      <c r="P8" s="107">
        <v>0.31597222222222221</v>
      </c>
      <c r="Q8" s="55">
        <v>0.33333333333333331</v>
      </c>
      <c r="R8" s="105">
        <v>0.44375000000000003</v>
      </c>
      <c r="S8" s="56">
        <v>0.53749999999999998</v>
      </c>
      <c r="T8" s="105">
        <v>0.61736111111111114</v>
      </c>
      <c r="U8" s="56">
        <v>0.69027777777777777</v>
      </c>
      <c r="V8" s="56">
        <v>0.75</v>
      </c>
      <c r="W8" s="55">
        <v>0.79861111111111116</v>
      </c>
      <c r="Z8" s="108"/>
      <c r="AA8" s="108"/>
      <c r="AB8" s="108"/>
      <c r="AC8" s="108"/>
      <c r="AD8" s="108"/>
      <c r="AE8" s="108"/>
    </row>
    <row r="9" spans="1:31" s="102" customFormat="1" ht="20.100000000000001" customHeight="1" x14ac:dyDescent="0.15">
      <c r="A9" s="843"/>
      <c r="B9" s="103" t="s">
        <v>893</v>
      </c>
      <c r="C9" s="104">
        <v>1.3888888888888889E-3</v>
      </c>
      <c r="D9" s="55">
        <v>0.27916666666666667</v>
      </c>
      <c r="E9" s="55">
        <v>0.3</v>
      </c>
      <c r="F9" s="55">
        <v>0.34166666666666662</v>
      </c>
      <c r="G9" s="56">
        <v>0.3972222222222222</v>
      </c>
      <c r="H9" s="105">
        <v>0.57708333333333328</v>
      </c>
      <c r="I9" s="105">
        <v>0.65694444444444444</v>
      </c>
      <c r="J9" s="56">
        <v>0.71597222222222212</v>
      </c>
      <c r="K9" s="55">
        <v>0.75833333333333341</v>
      </c>
      <c r="L9" s="43"/>
      <c r="M9" s="844"/>
      <c r="N9" s="103" t="s">
        <v>132</v>
      </c>
      <c r="O9" s="104">
        <v>6.9444444444444447E-4</v>
      </c>
      <c r="P9" s="107">
        <v>0.31666666666666665</v>
      </c>
      <c r="Q9" s="55">
        <v>0.33402777777777781</v>
      </c>
      <c r="R9" s="105">
        <v>0.44444444444444442</v>
      </c>
      <c r="S9" s="56">
        <v>0.53819444444444442</v>
      </c>
      <c r="T9" s="105">
        <v>0.61805555555555558</v>
      </c>
      <c r="U9" s="56">
        <v>0.69097222222222221</v>
      </c>
      <c r="V9" s="56">
        <v>0.75069444444444444</v>
      </c>
      <c r="W9" s="55">
        <v>0.7993055555555556</v>
      </c>
      <c r="Z9" s="108"/>
      <c r="AA9" s="108"/>
      <c r="AB9" s="108"/>
      <c r="AC9" s="108"/>
      <c r="AD9" s="108"/>
      <c r="AE9" s="108"/>
    </row>
    <row r="10" spans="1:31" s="102" customFormat="1" ht="20.100000000000001" customHeight="1" x14ac:dyDescent="0.15">
      <c r="A10" s="843"/>
      <c r="B10" s="103" t="s">
        <v>133</v>
      </c>
      <c r="C10" s="104">
        <v>1.3888888888888889E-3</v>
      </c>
      <c r="D10" s="55">
        <v>0.28055555555555556</v>
      </c>
      <c r="E10" s="55">
        <v>0.30138888888888887</v>
      </c>
      <c r="F10" s="55">
        <v>0.3430555555555555</v>
      </c>
      <c r="G10" s="56">
        <v>0.39861111111111108</v>
      </c>
      <c r="H10" s="105">
        <v>0.57847222222222217</v>
      </c>
      <c r="I10" s="105">
        <v>0.65833333333333333</v>
      </c>
      <c r="J10" s="56">
        <v>0.71736111111111101</v>
      </c>
      <c r="K10" s="55">
        <v>0.7597222222222223</v>
      </c>
      <c r="L10" s="43"/>
      <c r="M10" s="844"/>
      <c r="N10" s="103" t="s">
        <v>134</v>
      </c>
      <c r="O10" s="104">
        <v>6.9444444444444447E-4</v>
      </c>
      <c r="P10" s="107">
        <v>0.31736111111111115</v>
      </c>
      <c r="Q10" s="55">
        <v>0.3347222222222222</v>
      </c>
      <c r="R10" s="105">
        <v>0.44513888888888892</v>
      </c>
      <c r="S10" s="56">
        <v>0.53888888888888886</v>
      </c>
      <c r="T10" s="105">
        <v>0.61875000000000002</v>
      </c>
      <c r="U10" s="56">
        <v>0.69166666666666676</v>
      </c>
      <c r="V10" s="56">
        <v>0.75138888888888899</v>
      </c>
      <c r="W10" s="55">
        <v>0.79999999999999993</v>
      </c>
      <c r="Z10" s="108"/>
      <c r="AA10" s="108"/>
      <c r="AB10" s="108"/>
      <c r="AC10" s="108"/>
      <c r="AD10" s="108"/>
      <c r="AE10" s="108"/>
    </row>
    <row r="11" spans="1:31" s="102" customFormat="1" ht="20.100000000000001" customHeight="1" x14ac:dyDescent="0.15">
      <c r="A11" s="843"/>
      <c r="B11" s="103" t="s">
        <v>135</v>
      </c>
      <c r="C11" s="104">
        <v>2.0833333333333333E-3</v>
      </c>
      <c r="D11" s="55">
        <v>0.28263888888888888</v>
      </c>
      <c r="E11" s="55">
        <v>0.3034722222222222</v>
      </c>
      <c r="F11" s="55">
        <v>0.34513888888888883</v>
      </c>
      <c r="G11" s="56">
        <v>0.40069444444444441</v>
      </c>
      <c r="H11" s="105">
        <v>0.58055555555555549</v>
      </c>
      <c r="I11" s="105">
        <v>0.66041666666666665</v>
      </c>
      <c r="J11" s="56">
        <v>0.71944444444444433</v>
      </c>
      <c r="K11" s="55">
        <v>0.76180555555555562</v>
      </c>
      <c r="L11" s="43"/>
      <c r="M11" s="844"/>
      <c r="N11" s="103" t="s">
        <v>136</v>
      </c>
      <c r="O11" s="104">
        <v>1.3888888888888889E-3</v>
      </c>
      <c r="P11" s="107">
        <v>0.31875000000000003</v>
      </c>
      <c r="Q11" s="55">
        <v>0.33611111111111108</v>
      </c>
      <c r="R11" s="105">
        <v>0.4465277777777778</v>
      </c>
      <c r="S11" s="56">
        <v>0.54027777777777775</v>
      </c>
      <c r="T11" s="105">
        <v>0.62013888888888891</v>
      </c>
      <c r="U11" s="56">
        <v>0.69305555555555554</v>
      </c>
      <c r="V11" s="56">
        <v>0.75277777777777777</v>
      </c>
      <c r="W11" s="55">
        <v>0.80138888888888893</v>
      </c>
      <c r="AA11" s="108"/>
      <c r="AB11" s="108"/>
      <c r="AC11" s="108"/>
      <c r="AD11" s="108"/>
      <c r="AE11" s="108"/>
    </row>
    <row r="12" spans="1:31" s="102" customFormat="1" ht="20.100000000000001" customHeight="1" x14ac:dyDescent="0.15">
      <c r="A12" s="843"/>
      <c r="B12" s="103" t="s">
        <v>137</v>
      </c>
      <c r="C12" s="104">
        <v>1.3888888888888889E-3</v>
      </c>
      <c r="D12" s="55">
        <v>0.28402777777777777</v>
      </c>
      <c r="E12" s="55">
        <v>0.30486111111111108</v>
      </c>
      <c r="F12" s="55">
        <v>0.34652777777777771</v>
      </c>
      <c r="G12" s="56">
        <v>0.40208333333333329</v>
      </c>
      <c r="H12" s="105">
        <v>0.58194444444444438</v>
      </c>
      <c r="I12" s="105">
        <v>0.66180555555555554</v>
      </c>
      <c r="J12" s="56">
        <v>0.72083333333333321</v>
      </c>
      <c r="K12" s="55">
        <v>0.76319444444444451</v>
      </c>
      <c r="L12" s="43"/>
      <c r="M12" s="844"/>
      <c r="N12" s="103" t="s">
        <v>138</v>
      </c>
      <c r="O12" s="104">
        <v>6.9444444444444447E-4</v>
      </c>
      <c r="P12" s="107">
        <v>0.31944444444444448</v>
      </c>
      <c r="Q12" s="55">
        <v>0.33680555555555558</v>
      </c>
      <c r="R12" s="105">
        <v>0.44722222222222219</v>
      </c>
      <c r="S12" s="56">
        <v>0.54097222222222219</v>
      </c>
      <c r="T12" s="105">
        <v>0.62083333333333335</v>
      </c>
      <c r="U12" s="56">
        <v>0.69374999999999998</v>
      </c>
      <c r="V12" s="56">
        <v>0.75347222222222221</v>
      </c>
      <c r="W12" s="55">
        <v>0.80208333333333337</v>
      </c>
    </row>
    <row r="13" spans="1:31" s="102" customFormat="1" ht="20.100000000000001" customHeight="1" x14ac:dyDescent="0.15">
      <c r="A13" s="843"/>
      <c r="B13" s="103" t="s">
        <v>139</v>
      </c>
      <c r="C13" s="104">
        <v>3.472222222222222E-3</v>
      </c>
      <c r="D13" s="55">
        <v>0.28749999999999998</v>
      </c>
      <c r="E13" s="55">
        <v>0.30833333333333329</v>
      </c>
      <c r="F13" s="55">
        <v>0.34999999999999992</v>
      </c>
      <c r="G13" s="56">
        <v>0.4055555555555555</v>
      </c>
      <c r="H13" s="105">
        <v>0.58541666666666659</v>
      </c>
      <c r="I13" s="105">
        <v>0.66527777777777775</v>
      </c>
      <c r="J13" s="56">
        <v>0.72430555555555542</v>
      </c>
      <c r="K13" s="55">
        <v>0.76666666666666672</v>
      </c>
      <c r="L13" s="43"/>
      <c r="M13" s="844"/>
      <c r="N13" s="103" t="s">
        <v>140</v>
      </c>
      <c r="O13" s="104">
        <v>6.9444444444444447E-4</v>
      </c>
      <c r="P13" s="107">
        <v>0.32013888888888892</v>
      </c>
      <c r="Q13" s="55">
        <v>0.33749999999999997</v>
      </c>
      <c r="R13" s="105">
        <v>0.44791666666666669</v>
      </c>
      <c r="S13" s="56">
        <v>0.54166666666666663</v>
      </c>
      <c r="T13" s="105">
        <v>0.62152777777777779</v>
      </c>
      <c r="U13" s="56">
        <v>0.69444444444444453</v>
      </c>
      <c r="V13" s="56">
        <v>0.75416666666666676</v>
      </c>
      <c r="W13" s="55">
        <v>0.8027777777777777</v>
      </c>
      <c r="Z13" s="108"/>
      <c r="AA13" s="108"/>
      <c r="AB13" s="108"/>
      <c r="AC13" s="108"/>
      <c r="AD13" s="108"/>
      <c r="AE13" s="108"/>
    </row>
    <row r="14" spans="1:31" s="102" customFormat="1" ht="20.100000000000001" customHeight="1" x14ac:dyDescent="0.15">
      <c r="A14" s="843"/>
      <c r="B14" s="109" t="s">
        <v>141</v>
      </c>
      <c r="C14" s="104">
        <v>6.9444444444444447E-4</v>
      </c>
      <c r="D14" s="55">
        <v>0.28819444444444442</v>
      </c>
      <c r="E14" s="55">
        <v>0.30902777777777773</v>
      </c>
      <c r="F14" s="55">
        <v>0.35069444444444436</v>
      </c>
      <c r="G14" s="56">
        <v>0.40624999999999994</v>
      </c>
      <c r="H14" s="105">
        <v>0.58611111111111103</v>
      </c>
      <c r="I14" s="105">
        <v>0.66597222222222219</v>
      </c>
      <c r="J14" s="56">
        <v>0.72499999999999987</v>
      </c>
      <c r="K14" s="55">
        <v>0.76736111111111116</v>
      </c>
      <c r="L14" s="43"/>
      <c r="M14" s="844"/>
      <c r="N14" s="109" t="s">
        <v>142</v>
      </c>
      <c r="O14" s="104">
        <v>6.9444444444444447E-4</v>
      </c>
      <c r="P14" s="107">
        <v>0.32083333333333336</v>
      </c>
      <c r="Q14" s="55">
        <v>0.33819444444444446</v>
      </c>
      <c r="R14" s="105">
        <v>0.44861111111111113</v>
      </c>
      <c r="S14" s="56">
        <v>0.54236111111111118</v>
      </c>
      <c r="T14" s="105">
        <v>0.62222222222222223</v>
      </c>
      <c r="U14" s="56">
        <v>0.69513888888888886</v>
      </c>
      <c r="V14" s="56">
        <v>0.75486111111111109</v>
      </c>
      <c r="W14" s="55">
        <v>0.80347222222222225</v>
      </c>
      <c r="Z14" s="108"/>
      <c r="AA14" s="108"/>
      <c r="AB14" s="108"/>
      <c r="AC14" s="108"/>
      <c r="AD14" s="108"/>
      <c r="AE14" s="108"/>
    </row>
    <row r="15" spans="1:31" s="102" customFormat="1" ht="20.100000000000001" customHeight="1" x14ac:dyDescent="0.15">
      <c r="A15" s="844"/>
      <c r="B15" s="110" t="s">
        <v>143</v>
      </c>
      <c r="C15" s="111">
        <v>1.3888888888888889E-3</v>
      </c>
      <c r="D15" s="55">
        <v>0.2895833333333333</v>
      </c>
      <c r="E15" s="55">
        <v>0.31041666666666662</v>
      </c>
      <c r="F15" s="55">
        <v>0.35208333333333325</v>
      </c>
      <c r="G15" s="56">
        <v>0.40763888888888883</v>
      </c>
      <c r="H15" s="105">
        <v>0.58749999999999991</v>
      </c>
      <c r="I15" s="105">
        <v>0.66736111111111107</v>
      </c>
      <c r="J15" s="56">
        <v>0.72638888888888875</v>
      </c>
      <c r="K15" s="55">
        <v>0.76875000000000004</v>
      </c>
      <c r="L15" s="43"/>
      <c r="M15" s="844"/>
      <c r="N15" s="110" t="s">
        <v>143</v>
      </c>
      <c r="O15" s="111">
        <v>6.9444444444444447E-4</v>
      </c>
      <c r="P15" s="107">
        <v>0.3215277777777778</v>
      </c>
      <c r="Q15" s="55">
        <v>0.33888888888888891</v>
      </c>
      <c r="R15" s="105">
        <v>0.44930555555555557</v>
      </c>
      <c r="S15" s="56">
        <v>0.54305555555555551</v>
      </c>
      <c r="T15" s="105">
        <v>0.62291666666666667</v>
      </c>
      <c r="U15" s="56">
        <v>0.6958333333333333</v>
      </c>
      <c r="V15" s="56">
        <v>0.75555555555555554</v>
      </c>
      <c r="W15" s="55">
        <v>0.8041666666666667</v>
      </c>
      <c r="Z15" s="108"/>
      <c r="AA15" s="108"/>
      <c r="AB15" s="108"/>
      <c r="AC15" s="108"/>
      <c r="AD15" s="108"/>
      <c r="AE15" s="108"/>
    </row>
    <row r="16" spans="1:31" s="102" customFormat="1" ht="20.100000000000001" customHeight="1" x14ac:dyDescent="0.15">
      <c r="A16" s="843"/>
      <c r="B16" s="112" t="s">
        <v>142</v>
      </c>
      <c r="C16" s="104">
        <v>6.9444444444444447E-4</v>
      </c>
      <c r="D16" s="55">
        <v>0.2902777777777778</v>
      </c>
      <c r="E16" s="55">
        <v>0.31111111111111112</v>
      </c>
      <c r="F16" s="55">
        <v>0.3527777777777778</v>
      </c>
      <c r="G16" s="56">
        <v>0.40833333333333338</v>
      </c>
      <c r="H16" s="105">
        <v>0.58819444444444446</v>
      </c>
      <c r="I16" s="105">
        <v>0.66805555555555562</v>
      </c>
      <c r="J16" s="56">
        <v>0.7270833333333333</v>
      </c>
      <c r="K16" s="55">
        <v>0.76944444444444438</v>
      </c>
      <c r="L16" s="43"/>
      <c r="M16" s="844"/>
      <c r="N16" s="112" t="s">
        <v>141</v>
      </c>
      <c r="O16" s="104">
        <v>1.3888888888888889E-3</v>
      </c>
      <c r="P16" s="107">
        <v>0.32291666666666669</v>
      </c>
      <c r="Q16" s="55">
        <v>0.34027777777777779</v>
      </c>
      <c r="R16" s="105">
        <v>0.45069444444444445</v>
      </c>
      <c r="S16" s="56">
        <v>0.5444444444444444</v>
      </c>
      <c r="T16" s="105">
        <v>0.62430555555555556</v>
      </c>
      <c r="U16" s="56">
        <v>0.6972222222222223</v>
      </c>
      <c r="V16" s="56">
        <v>0.75694444444444442</v>
      </c>
      <c r="W16" s="55">
        <v>0.80555555555555558</v>
      </c>
      <c r="Z16" s="108"/>
      <c r="AA16" s="108"/>
      <c r="AB16" s="108"/>
      <c r="AC16" s="108"/>
      <c r="AD16" s="108"/>
      <c r="AE16" s="108"/>
    </row>
    <row r="17" spans="1:31" s="102" customFormat="1" ht="20.100000000000001" customHeight="1" x14ac:dyDescent="0.15">
      <c r="A17" s="843"/>
      <c r="B17" s="103" t="s">
        <v>140</v>
      </c>
      <c r="C17" s="104">
        <v>6.9444444444444447E-4</v>
      </c>
      <c r="D17" s="55">
        <v>0.29097222222222224</v>
      </c>
      <c r="E17" s="55">
        <v>0.31180555555555556</v>
      </c>
      <c r="F17" s="55">
        <v>0.35347222222222219</v>
      </c>
      <c r="G17" s="56">
        <v>0.40902777777777777</v>
      </c>
      <c r="H17" s="105">
        <v>0.58888888888888891</v>
      </c>
      <c r="I17" s="105">
        <v>0.66875000000000007</v>
      </c>
      <c r="J17" s="56">
        <v>0.72777777777777775</v>
      </c>
      <c r="K17" s="55">
        <v>0.77013888888888893</v>
      </c>
      <c r="L17" s="43"/>
      <c r="M17" s="844"/>
      <c r="N17" s="103" t="s">
        <v>139</v>
      </c>
      <c r="O17" s="104">
        <v>6.9444444444444447E-4</v>
      </c>
      <c r="P17" s="107">
        <v>0.32361111111111113</v>
      </c>
      <c r="Q17" s="55">
        <v>0.34097222222222223</v>
      </c>
      <c r="R17" s="105">
        <v>0.4513888888888889</v>
      </c>
      <c r="S17" s="56">
        <v>0.54513888888888895</v>
      </c>
      <c r="T17" s="105">
        <v>0.625</v>
      </c>
      <c r="U17" s="56">
        <v>0.69791666666666663</v>
      </c>
      <c r="V17" s="56">
        <v>0.75763888888888886</v>
      </c>
      <c r="W17" s="55">
        <v>0.80625000000000002</v>
      </c>
      <c r="Z17" s="108"/>
      <c r="AA17" s="108"/>
      <c r="AB17" s="108"/>
      <c r="AC17" s="108"/>
      <c r="AD17" s="108"/>
      <c r="AE17" s="108"/>
    </row>
    <row r="18" spans="1:31" s="102" customFormat="1" ht="20.100000000000001" customHeight="1" x14ac:dyDescent="0.15">
      <c r="A18" s="843"/>
      <c r="B18" s="103" t="s">
        <v>138</v>
      </c>
      <c r="C18" s="104">
        <v>6.9444444444444447E-4</v>
      </c>
      <c r="D18" s="55">
        <v>0.29166666666666669</v>
      </c>
      <c r="E18" s="55">
        <v>0.3125</v>
      </c>
      <c r="F18" s="55">
        <v>0.35416666666666669</v>
      </c>
      <c r="G18" s="56">
        <v>0.40972222222222227</v>
      </c>
      <c r="H18" s="105">
        <v>0.58958333333333335</v>
      </c>
      <c r="I18" s="105">
        <v>0.6694444444444444</v>
      </c>
      <c r="J18" s="56">
        <v>0.7284722222222223</v>
      </c>
      <c r="K18" s="55">
        <v>0.77083333333333337</v>
      </c>
      <c r="L18" s="43"/>
      <c r="M18" s="844"/>
      <c r="N18" s="103" t="s">
        <v>144</v>
      </c>
      <c r="O18" s="104">
        <v>3.472222222222222E-3</v>
      </c>
      <c r="P18" s="107">
        <v>0.32708333333333334</v>
      </c>
      <c r="Q18" s="55">
        <v>0.34444444444444444</v>
      </c>
      <c r="R18" s="105">
        <v>0.4548611111111111</v>
      </c>
      <c r="S18" s="56">
        <v>0.54861111111111105</v>
      </c>
      <c r="T18" s="105">
        <v>0.62847222222222221</v>
      </c>
      <c r="U18" s="56">
        <v>0.70138888888888884</v>
      </c>
      <c r="V18" s="56">
        <v>0.76111111111111107</v>
      </c>
      <c r="W18" s="55">
        <v>0.80972222222222223</v>
      </c>
      <c r="Z18" s="108"/>
      <c r="AA18" s="108"/>
      <c r="AB18" s="108"/>
      <c r="AC18" s="108"/>
      <c r="AD18" s="108"/>
      <c r="AE18" s="108"/>
    </row>
    <row r="19" spans="1:31" s="102" customFormat="1" ht="20.100000000000001" customHeight="1" x14ac:dyDescent="0.15">
      <c r="A19" s="843"/>
      <c r="B19" s="103" t="s">
        <v>136</v>
      </c>
      <c r="C19" s="104">
        <v>6.9444444444444447E-4</v>
      </c>
      <c r="D19" s="55">
        <v>0.29236111111111113</v>
      </c>
      <c r="E19" s="55">
        <v>0.31319444444444444</v>
      </c>
      <c r="F19" s="55">
        <v>0.35486111111111113</v>
      </c>
      <c r="G19" s="56">
        <v>0.41041666666666665</v>
      </c>
      <c r="H19" s="105">
        <v>0.59027777777777779</v>
      </c>
      <c r="I19" s="105">
        <v>0.67013888888888884</v>
      </c>
      <c r="J19" s="56">
        <v>0.72916666666666663</v>
      </c>
      <c r="K19" s="55">
        <v>0.7715277777777777</v>
      </c>
      <c r="L19" s="43"/>
      <c r="M19" s="844"/>
      <c r="N19" s="103" t="s">
        <v>135</v>
      </c>
      <c r="O19" s="104">
        <v>1.3888888888888889E-3</v>
      </c>
      <c r="P19" s="107">
        <v>0.32847222222222222</v>
      </c>
      <c r="Q19" s="55">
        <v>0.34583333333333333</v>
      </c>
      <c r="R19" s="105">
        <v>0.45624999999999999</v>
      </c>
      <c r="S19" s="56">
        <v>0.54999999999999993</v>
      </c>
      <c r="T19" s="105">
        <v>0.62986111111111109</v>
      </c>
      <c r="U19" s="56">
        <v>0.70277777777777783</v>
      </c>
      <c r="V19" s="56">
        <v>0.76249999999999996</v>
      </c>
      <c r="W19" s="55">
        <v>0.81111111111111112</v>
      </c>
      <c r="Z19" s="108"/>
      <c r="AA19" s="108"/>
      <c r="AB19" s="108"/>
      <c r="AC19" s="108"/>
      <c r="AD19" s="108"/>
      <c r="AE19" s="108"/>
    </row>
    <row r="20" spans="1:31" s="102" customFormat="1" ht="20.100000000000001" customHeight="1" x14ac:dyDescent="0.15">
      <c r="A20" s="843"/>
      <c r="B20" s="103" t="s">
        <v>134</v>
      </c>
      <c r="C20" s="104">
        <v>1.3888888888888889E-3</v>
      </c>
      <c r="D20" s="55">
        <v>0.29375000000000001</v>
      </c>
      <c r="E20" s="55">
        <v>0.31458333333333333</v>
      </c>
      <c r="F20" s="55">
        <v>0.35625000000000001</v>
      </c>
      <c r="G20" s="56">
        <v>0.41180555555555554</v>
      </c>
      <c r="H20" s="105">
        <v>0.59166666666666667</v>
      </c>
      <c r="I20" s="105">
        <v>0.67152777777777783</v>
      </c>
      <c r="J20" s="56">
        <v>0.73055555555555562</v>
      </c>
      <c r="K20" s="55">
        <v>0.7729166666666667</v>
      </c>
      <c r="L20" s="43"/>
      <c r="M20" s="844"/>
      <c r="N20" s="103" t="s">
        <v>133</v>
      </c>
      <c r="O20" s="104">
        <v>2.0833333333333333E-3</v>
      </c>
      <c r="P20" s="107">
        <v>0.33055555555555555</v>
      </c>
      <c r="Q20" s="55">
        <v>0.34791666666666665</v>
      </c>
      <c r="R20" s="105">
        <v>0.45833333333333331</v>
      </c>
      <c r="S20" s="56">
        <v>0.55208333333333337</v>
      </c>
      <c r="T20" s="105">
        <v>0.63194444444444442</v>
      </c>
      <c r="U20" s="56">
        <v>0.70486111111111116</v>
      </c>
      <c r="V20" s="56">
        <v>0.76458333333333328</v>
      </c>
      <c r="W20" s="55">
        <v>0.81319444444444444</v>
      </c>
      <c r="Z20" s="108"/>
      <c r="AA20" s="108"/>
      <c r="AB20" s="108"/>
      <c r="AC20" s="108"/>
      <c r="AD20" s="108"/>
      <c r="AE20" s="108"/>
    </row>
    <row r="21" spans="1:31" s="102" customFormat="1" ht="20.100000000000001" customHeight="1" x14ac:dyDescent="0.15">
      <c r="A21" s="843"/>
      <c r="B21" s="103" t="s">
        <v>145</v>
      </c>
      <c r="C21" s="104">
        <v>6.9444444444444447E-4</v>
      </c>
      <c r="D21" s="55">
        <v>0.29444444444444445</v>
      </c>
      <c r="E21" s="55">
        <v>0.31527777777777777</v>
      </c>
      <c r="F21" s="55">
        <v>0.35694444444444445</v>
      </c>
      <c r="G21" s="56">
        <v>0.41250000000000003</v>
      </c>
      <c r="H21" s="105">
        <v>0.59236111111111112</v>
      </c>
      <c r="I21" s="105">
        <v>0.67222222222222217</v>
      </c>
      <c r="J21" s="56">
        <v>0.73125000000000007</v>
      </c>
      <c r="K21" s="55">
        <v>0.77361111111111114</v>
      </c>
      <c r="L21" s="43"/>
      <c r="M21" s="844"/>
      <c r="N21" s="103" t="s">
        <v>893</v>
      </c>
      <c r="O21" s="104">
        <v>1.3888888888888889E-3</v>
      </c>
      <c r="P21" s="107">
        <v>0.33194444444444443</v>
      </c>
      <c r="Q21" s="55">
        <v>0.34930555555555554</v>
      </c>
      <c r="R21" s="105">
        <v>0.4597222222222222</v>
      </c>
      <c r="S21" s="56">
        <v>0.55347222222222225</v>
      </c>
      <c r="T21" s="105">
        <v>0.6333333333333333</v>
      </c>
      <c r="U21" s="56">
        <v>0.70624999999999993</v>
      </c>
      <c r="V21" s="56">
        <v>0.76597222222222217</v>
      </c>
      <c r="W21" s="55">
        <v>0.81458333333333333</v>
      </c>
      <c r="Z21" s="108"/>
      <c r="AA21" s="108"/>
      <c r="AB21" s="108"/>
      <c r="AC21" s="108"/>
      <c r="AD21" s="108"/>
      <c r="AE21" s="108"/>
    </row>
    <row r="22" spans="1:31" s="102" customFormat="1" ht="20.100000000000001" customHeight="1" x14ac:dyDescent="0.15">
      <c r="A22" s="843"/>
      <c r="B22" s="103" t="s">
        <v>131</v>
      </c>
      <c r="C22" s="104">
        <v>6.9444444444444447E-4</v>
      </c>
      <c r="D22" s="55">
        <v>0.2951388888888889</v>
      </c>
      <c r="E22" s="55">
        <v>0.31597222222222221</v>
      </c>
      <c r="F22" s="55">
        <v>0.3576388888888889</v>
      </c>
      <c r="G22" s="56">
        <v>0.41319444444444442</v>
      </c>
      <c r="H22" s="105">
        <v>0.59305555555555556</v>
      </c>
      <c r="I22" s="105">
        <v>0.67291666666666661</v>
      </c>
      <c r="J22" s="56">
        <v>0.7319444444444444</v>
      </c>
      <c r="K22" s="55">
        <v>0.77430555555555547</v>
      </c>
      <c r="L22" s="43"/>
      <c r="M22" s="844"/>
      <c r="N22" s="103" t="s">
        <v>130</v>
      </c>
      <c r="O22" s="104">
        <v>1.3888888888888889E-3</v>
      </c>
      <c r="P22" s="107">
        <v>0.33333333333333331</v>
      </c>
      <c r="Q22" s="55">
        <v>0.35069444444444442</v>
      </c>
      <c r="R22" s="105">
        <v>0.46111111111111108</v>
      </c>
      <c r="S22" s="56">
        <v>0.55486111111111114</v>
      </c>
      <c r="T22" s="105">
        <v>0.63472222222222219</v>
      </c>
      <c r="U22" s="56">
        <v>0.70763888888888893</v>
      </c>
      <c r="V22" s="56">
        <v>0.76736111111111105</v>
      </c>
      <c r="W22" s="55">
        <v>0.81597222222222221</v>
      </c>
      <c r="Z22" s="108"/>
      <c r="AA22" s="108"/>
      <c r="AB22" s="108"/>
      <c r="AC22" s="108"/>
      <c r="AD22" s="108"/>
      <c r="AE22" s="108"/>
    </row>
    <row r="23" spans="1:31" s="102" customFormat="1" ht="20.100000000000001" customHeight="1" x14ac:dyDescent="0.15">
      <c r="A23" s="843"/>
      <c r="B23" s="103" t="s">
        <v>129</v>
      </c>
      <c r="C23" s="104">
        <v>6.9444444444444447E-4</v>
      </c>
      <c r="D23" s="55">
        <v>0.29583333333333334</v>
      </c>
      <c r="E23" s="55">
        <v>0.31666666666666665</v>
      </c>
      <c r="F23" s="55">
        <v>0.35833333333333334</v>
      </c>
      <c r="G23" s="56">
        <v>0.41388888888888892</v>
      </c>
      <c r="H23" s="105">
        <v>0.59375</v>
      </c>
      <c r="I23" s="105">
        <v>0.67361111111111116</v>
      </c>
      <c r="J23" s="56">
        <v>0.73263888888888884</v>
      </c>
      <c r="K23" s="55">
        <v>0.77500000000000002</v>
      </c>
      <c r="L23" s="43"/>
      <c r="M23" s="844"/>
      <c r="N23" s="103" t="s">
        <v>128</v>
      </c>
      <c r="O23" s="104">
        <v>2.0833333333333333E-3</v>
      </c>
      <c r="P23" s="113" t="s">
        <v>146</v>
      </c>
      <c r="Q23" s="45" t="s">
        <v>146</v>
      </c>
      <c r="R23" s="105">
        <v>0.46319444444444446</v>
      </c>
      <c r="S23" s="105">
        <v>0.55694444444444446</v>
      </c>
      <c r="T23" s="105">
        <v>0.63680555555555551</v>
      </c>
      <c r="U23" s="49" t="s">
        <v>146</v>
      </c>
      <c r="V23" s="49" t="s">
        <v>146</v>
      </c>
      <c r="W23" s="45" t="s">
        <v>146</v>
      </c>
      <c r="Z23" s="108"/>
      <c r="AA23" s="108"/>
      <c r="AB23" s="108"/>
      <c r="AC23" s="108"/>
      <c r="AD23" s="108"/>
      <c r="AE23" s="108"/>
    </row>
    <row r="24" spans="1:31" s="102" customFormat="1" ht="20.100000000000001" customHeight="1" x14ac:dyDescent="0.15">
      <c r="A24" s="843"/>
      <c r="B24" s="103" t="s">
        <v>127</v>
      </c>
      <c r="C24" s="104">
        <v>6.9444444444444447E-4</v>
      </c>
      <c r="D24" s="55">
        <v>0.29652777777777778</v>
      </c>
      <c r="E24" s="55">
        <v>0.31736111111111115</v>
      </c>
      <c r="F24" s="55">
        <v>0.35902777777777778</v>
      </c>
      <c r="G24" s="56">
        <v>0.4145833333333333</v>
      </c>
      <c r="H24" s="105">
        <v>0.59444444444444444</v>
      </c>
      <c r="I24" s="105">
        <v>0.6743055555555556</v>
      </c>
      <c r="J24" s="56">
        <v>0.73333333333333339</v>
      </c>
      <c r="K24" s="55">
        <v>0.77569444444444446</v>
      </c>
      <c r="L24" s="43"/>
      <c r="M24" s="844"/>
      <c r="N24" s="103" t="s">
        <v>23</v>
      </c>
      <c r="O24" s="104">
        <v>6.9444444444444441E-3</v>
      </c>
      <c r="P24" s="113" t="s">
        <v>146</v>
      </c>
      <c r="Q24" s="45" t="s">
        <v>146</v>
      </c>
      <c r="R24" s="105">
        <v>0.4680555555555555</v>
      </c>
      <c r="S24" s="105">
        <v>0.56180555555555556</v>
      </c>
      <c r="T24" s="105">
        <v>0.64166666666666672</v>
      </c>
      <c r="U24" s="49" t="s">
        <v>146</v>
      </c>
      <c r="V24" s="49" t="s">
        <v>146</v>
      </c>
      <c r="W24" s="45" t="s">
        <v>146</v>
      </c>
      <c r="Z24" s="108"/>
      <c r="AA24" s="108"/>
      <c r="AB24" s="108"/>
      <c r="AC24" s="108"/>
      <c r="AD24" s="108"/>
      <c r="AE24" s="108"/>
    </row>
    <row r="25" spans="1:31" s="102" customFormat="1" ht="20.100000000000001" customHeight="1" x14ac:dyDescent="0.15">
      <c r="A25" s="843"/>
      <c r="B25" s="38" t="s">
        <v>147</v>
      </c>
      <c r="C25" s="104">
        <v>1.3888888888888889E-3</v>
      </c>
      <c r="D25" s="55">
        <v>0.29791666666666666</v>
      </c>
      <c r="E25" s="55">
        <v>0.31875000000000003</v>
      </c>
      <c r="F25" s="55">
        <v>0.36041666666666666</v>
      </c>
      <c r="G25" s="56">
        <v>0.41597222222222219</v>
      </c>
      <c r="H25" s="105">
        <v>0.59583333333333333</v>
      </c>
      <c r="I25" s="105">
        <v>0.67569444444444438</v>
      </c>
      <c r="J25" s="56">
        <v>0.73472222222222217</v>
      </c>
      <c r="K25" s="55">
        <v>0.77708333333333324</v>
      </c>
      <c r="L25" s="43"/>
      <c r="M25" s="844"/>
      <c r="N25" s="103" t="s">
        <v>125</v>
      </c>
      <c r="O25" s="104">
        <v>2.0833333333333333E-3</v>
      </c>
      <c r="P25" s="113" t="s">
        <v>146</v>
      </c>
      <c r="Q25" s="45" t="s">
        <v>146</v>
      </c>
      <c r="R25" s="105">
        <v>0.47013888888888888</v>
      </c>
      <c r="S25" s="105">
        <v>0.56388888888888888</v>
      </c>
      <c r="T25" s="105">
        <v>0.64374999999999993</v>
      </c>
      <c r="U25" s="49" t="s">
        <v>146</v>
      </c>
      <c r="V25" s="49" t="s">
        <v>146</v>
      </c>
      <c r="W25" s="55" t="s">
        <v>146</v>
      </c>
      <c r="Z25" s="108"/>
      <c r="AA25" s="108"/>
      <c r="AB25" s="108"/>
      <c r="AC25" s="108"/>
      <c r="AD25" s="108"/>
      <c r="AE25" s="108"/>
    </row>
    <row r="26" spans="1:31" s="102" customFormat="1" ht="20.100000000000001" customHeight="1" x14ac:dyDescent="0.15">
      <c r="A26" s="843"/>
      <c r="B26" s="38" t="s">
        <v>124</v>
      </c>
      <c r="C26" s="104">
        <v>2.7777777777777779E-3</v>
      </c>
      <c r="D26" s="55">
        <v>0.30069444444444443</v>
      </c>
      <c r="E26" s="55">
        <v>0.3215277777777778</v>
      </c>
      <c r="F26" s="55">
        <v>0.36319444444444443</v>
      </c>
      <c r="G26" s="56">
        <v>0.41875000000000001</v>
      </c>
      <c r="H26" s="105">
        <v>0.59861111111111109</v>
      </c>
      <c r="I26" s="105">
        <v>0.67847222222222225</v>
      </c>
      <c r="J26" s="56">
        <v>0.73749999999999993</v>
      </c>
      <c r="K26" s="55">
        <v>0.77986111111111101</v>
      </c>
      <c r="L26" s="43"/>
      <c r="M26" s="844"/>
      <c r="N26" s="103" t="s">
        <v>122</v>
      </c>
      <c r="O26" s="104">
        <v>1.3888888888888889E-3</v>
      </c>
      <c r="P26" s="113" t="s">
        <v>146</v>
      </c>
      <c r="Q26" s="45" t="s">
        <v>146</v>
      </c>
      <c r="R26" s="105">
        <v>0.47152777777777777</v>
      </c>
      <c r="S26" s="105">
        <v>0.56527777777777777</v>
      </c>
      <c r="T26" s="105">
        <v>0.64513888888888882</v>
      </c>
      <c r="U26" s="49" t="s">
        <v>146</v>
      </c>
      <c r="V26" s="49" t="s">
        <v>146</v>
      </c>
      <c r="W26" s="55" t="s">
        <v>146</v>
      </c>
      <c r="Z26" s="108"/>
      <c r="AA26" s="108"/>
      <c r="AB26" s="108"/>
      <c r="AC26" s="108"/>
      <c r="AD26" s="108"/>
      <c r="AE26" s="108"/>
    </row>
    <row r="27" spans="1:31" s="102" customFormat="1" ht="15" customHeight="1" x14ac:dyDescent="0.15">
      <c r="A27" s="66"/>
      <c r="B27" s="43"/>
      <c r="C27" s="43"/>
      <c r="D27" s="43"/>
      <c r="E27" s="43"/>
      <c r="F27" s="43"/>
      <c r="G27" s="43"/>
      <c r="H27" s="43"/>
      <c r="I27" s="43"/>
      <c r="J27" s="43"/>
      <c r="K27" s="43"/>
      <c r="L27" s="43"/>
      <c r="M27" s="66"/>
      <c r="N27" s="43"/>
      <c r="O27" s="43"/>
      <c r="P27" s="43"/>
      <c r="Q27" s="43"/>
      <c r="R27" s="43"/>
      <c r="S27" s="43"/>
      <c r="T27" s="43"/>
      <c r="U27" s="43"/>
      <c r="V27" s="43"/>
      <c r="W27" s="43"/>
      <c r="Z27" s="108"/>
      <c r="AA27" s="108"/>
      <c r="AB27" s="108"/>
      <c r="AC27" s="108"/>
      <c r="AD27" s="108"/>
      <c r="AE27" s="108"/>
    </row>
    <row r="28" spans="1:31" s="102" customFormat="1" ht="15" customHeight="1" x14ac:dyDescent="0.15">
      <c r="A28" s="114"/>
      <c r="B28" s="43"/>
      <c r="C28" s="43"/>
      <c r="D28" s="43"/>
      <c r="E28" s="43"/>
      <c r="F28" s="43"/>
      <c r="G28" s="43"/>
      <c r="H28" s="43"/>
      <c r="I28" s="43"/>
      <c r="J28" s="43"/>
      <c r="K28" s="43"/>
      <c r="L28" s="43"/>
      <c r="M28" s="43"/>
      <c r="N28" s="43"/>
      <c r="O28" s="43"/>
      <c r="P28" s="43"/>
      <c r="Q28" s="43"/>
      <c r="R28" s="43"/>
      <c r="S28" s="43"/>
      <c r="T28" s="43"/>
      <c r="U28" s="43"/>
      <c r="V28" s="43"/>
      <c r="W28" s="43"/>
      <c r="Z28" s="108"/>
      <c r="AA28" s="108"/>
      <c r="AB28" s="108"/>
      <c r="AC28" s="108"/>
      <c r="AD28" s="108"/>
      <c r="AE28" s="108"/>
    </row>
    <row r="29" spans="1:31" ht="15" customHeight="1" x14ac:dyDescent="0.15">
      <c r="A29" s="115"/>
      <c r="B29" s="114"/>
      <c r="C29" s="114"/>
      <c r="D29" s="115"/>
      <c r="E29" s="115"/>
      <c r="F29" s="115"/>
      <c r="G29" s="115"/>
      <c r="H29" s="115"/>
      <c r="I29" s="115"/>
      <c r="J29" s="115"/>
      <c r="K29" s="115"/>
      <c r="L29" s="42"/>
      <c r="M29" s="42"/>
      <c r="N29" s="116"/>
      <c r="O29" s="4"/>
      <c r="P29" s="4"/>
      <c r="Q29" s="4"/>
      <c r="R29" s="42"/>
      <c r="S29" s="4"/>
      <c r="T29" s="42"/>
      <c r="U29" s="4"/>
      <c r="V29" s="4"/>
      <c r="W29" s="4"/>
      <c r="Z29" s="117"/>
      <c r="AA29" s="117"/>
      <c r="AB29" s="117"/>
      <c r="AC29" s="117"/>
      <c r="AD29" s="117"/>
      <c r="AE29" s="117"/>
    </row>
    <row r="30" spans="1:31" ht="15" customHeight="1" x14ac:dyDescent="0.15">
      <c r="A30" s="42"/>
      <c r="B30" s="118"/>
      <c r="C30" s="114"/>
      <c r="D30" s="115"/>
      <c r="E30" s="115"/>
      <c r="F30" s="115"/>
      <c r="G30" s="115"/>
      <c r="H30" s="115"/>
      <c r="I30" s="115"/>
      <c r="J30" s="115"/>
      <c r="K30" s="115"/>
      <c r="L30" s="42"/>
      <c r="M30" s="42"/>
      <c r="N30" s="42"/>
      <c r="O30" s="119"/>
      <c r="P30" s="120"/>
      <c r="Q30" s="120"/>
      <c r="R30" s="42"/>
      <c r="S30" s="120"/>
      <c r="T30" s="42"/>
      <c r="U30" s="120"/>
      <c r="V30" s="120"/>
      <c r="W30" s="120"/>
    </row>
    <row r="31" spans="1:31" ht="15" customHeight="1" x14ac:dyDescent="0.15">
      <c r="A31" s="42"/>
      <c r="B31" s="42"/>
      <c r="C31" s="43"/>
      <c r="D31" s="43"/>
      <c r="E31" s="43"/>
      <c r="F31" s="43"/>
      <c r="G31" s="43"/>
      <c r="H31" s="43"/>
      <c r="I31" s="43"/>
      <c r="J31" s="42"/>
      <c r="K31" s="42"/>
      <c r="L31" s="42"/>
      <c r="M31" s="42"/>
      <c r="N31" s="42"/>
      <c r="O31" s="43"/>
      <c r="P31" s="42"/>
      <c r="Q31" s="42"/>
      <c r="R31" s="42"/>
      <c r="S31" s="42"/>
      <c r="T31" s="42"/>
      <c r="U31" s="42"/>
      <c r="V31" s="42"/>
      <c r="W31" s="42"/>
    </row>
    <row r="32" spans="1:31" ht="15" customHeight="1" x14ac:dyDescent="0.15">
      <c r="A32" s="42"/>
      <c r="B32" s="42"/>
      <c r="C32" s="43"/>
      <c r="D32" s="42"/>
      <c r="E32" s="120"/>
      <c r="F32" s="42"/>
      <c r="G32" s="42"/>
      <c r="H32" s="42"/>
      <c r="I32" s="42"/>
      <c r="J32" s="42"/>
      <c r="K32" s="42"/>
      <c r="L32" s="42"/>
      <c r="M32" s="42"/>
      <c r="N32" s="42"/>
      <c r="O32" s="43"/>
      <c r="P32" s="42"/>
      <c r="Q32" s="42"/>
      <c r="R32" s="42"/>
      <c r="S32" s="42"/>
      <c r="T32" s="42"/>
      <c r="U32" s="42"/>
      <c r="V32" s="42"/>
      <c r="W32" s="42"/>
    </row>
    <row r="33" spans="1:23" ht="15" customHeight="1" x14ac:dyDescent="0.15">
      <c r="A33" s="42"/>
      <c r="B33" s="42"/>
      <c r="C33" s="43"/>
      <c r="D33" s="42"/>
      <c r="E33" s="120"/>
      <c r="F33" s="42"/>
      <c r="G33" s="42"/>
      <c r="H33" s="42"/>
      <c r="I33" s="42"/>
      <c r="J33" s="42"/>
      <c r="K33" s="42"/>
      <c r="L33" s="42"/>
      <c r="M33" s="42"/>
      <c r="N33" s="42"/>
      <c r="O33" s="43"/>
      <c r="P33" s="42"/>
      <c r="Q33" s="42"/>
      <c r="R33" s="42"/>
      <c r="S33" s="42"/>
      <c r="T33" s="42"/>
      <c r="U33" s="42"/>
      <c r="V33" s="42"/>
      <c r="W33" s="42"/>
    </row>
    <row r="34" spans="1:23" ht="15" customHeight="1" x14ac:dyDescent="0.15">
      <c r="A34" s="42"/>
      <c r="B34" s="42"/>
      <c r="C34" s="43"/>
      <c r="D34" s="42"/>
      <c r="E34" s="42"/>
      <c r="F34" s="42"/>
      <c r="G34" s="42"/>
      <c r="H34" s="42"/>
      <c r="I34" s="42"/>
      <c r="J34" s="42"/>
      <c r="K34" s="42"/>
      <c r="L34" s="42"/>
      <c r="M34" s="42"/>
      <c r="N34" s="42"/>
      <c r="O34" s="43"/>
      <c r="P34" s="42"/>
      <c r="Q34" s="42"/>
      <c r="R34" s="42"/>
      <c r="S34" s="42"/>
      <c r="T34" s="42"/>
      <c r="U34" s="42"/>
      <c r="V34" s="42"/>
      <c r="W34" s="42"/>
    </row>
    <row r="35" spans="1:23" ht="15" customHeight="1" x14ac:dyDescent="0.15">
      <c r="A35" s="42"/>
      <c r="B35" s="42"/>
      <c r="C35" s="43"/>
      <c r="D35" s="42"/>
      <c r="E35" s="42"/>
      <c r="F35" s="42"/>
      <c r="G35" s="42"/>
      <c r="H35" s="42"/>
      <c r="I35" s="42"/>
      <c r="J35" s="42"/>
      <c r="K35" s="42"/>
      <c r="L35" s="42"/>
      <c r="M35" s="42"/>
      <c r="N35" s="42"/>
      <c r="O35" s="43"/>
      <c r="P35" s="42"/>
      <c r="Q35" s="42"/>
      <c r="R35" s="42"/>
      <c r="S35" s="42"/>
      <c r="T35" s="42"/>
      <c r="U35" s="42"/>
      <c r="V35" s="42"/>
      <c r="W35" s="42"/>
    </row>
    <row r="36" spans="1:23" ht="15" customHeight="1" x14ac:dyDescent="0.15">
      <c r="L36" s="42"/>
    </row>
  </sheetData>
  <mergeCells count="3">
    <mergeCell ref="B1:W1"/>
    <mergeCell ref="A3:A26"/>
    <mergeCell ref="M3:M26"/>
  </mergeCells>
  <phoneticPr fontId="3"/>
  <printOptions horizontalCentered="1" verticalCentered="1"/>
  <pageMargins left="0" right="0" top="0" bottom="0" header="0" footer="0"/>
  <pageSetup paperSize="9" scale="81" orientation="landscape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109"/>
  <sheetViews>
    <sheetView view="pageBreakPreview" zoomScale="80" zoomScaleNormal="100" zoomScaleSheetLayoutView="80" workbookViewId="0">
      <selection activeCell="G4" sqref="G4"/>
    </sheetView>
  </sheetViews>
  <sheetFormatPr defaultRowHeight="13.5" x14ac:dyDescent="0.15"/>
  <cols>
    <col min="1" max="1" width="3.75" style="481" customWidth="1"/>
    <col min="2" max="2" width="22" style="480" customWidth="1"/>
    <col min="3" max="13" width="5.75" style="483" customWidth="1"/>
    <col min="14" max="14" width="2.625" style="480" customWidth="1"/>
    <col min="15" max="15" width="3.75" style="480" customWidth="1"/>
    <col min="16" max="16" width="22" style="480" customWidth="1"/>
    <col min="17" max="27" width="5.75" style="480" customWidth="1"/>
    <col min="28" max="16384" width="9" style="480"/>
  </cols>
  <sheetData>
    <row r="1" spans="1:27" ht="26.25" customHeight="1" x14ac:dyDescent="0.15">
      <c r="A1" s="479"/>
      <c r="B1" s="731" t="s">
        <v>211</v>
      </c>
      <c r="C1" s="731"/>
      <c r="D1" s="731"/>
      <c r="E1" s="731"/>
      <c r="F1" s="731"/>
      <c r="G1" s="731"/>
      <c r="H1" s="731"/>
      <c r="I1" s="731"/>
      <c r="J1" s="731"/>
      <c r="K1" s="731"/>
      <c r="L1" s="731"/>
      <c r="M1" s="731"/>
      <c r="N1" s="731"/>
      <c r="O1" s="731"/>
      <c r="P1" s="731"/>
      <c r="Q1" s="731"/>
      <c r="R1" s="731"/>
      <c r="S1" s="731"/>
      <c r="T1" s="731"/>
      <c r="U1" s="731"/>
      <c r="V1" s="731"/>
      <c r="W1" s="731"/>
      <c r="X1" s="731"/>
      <c r="Y1" s="731"/>
      <c r="Z1" s="731"/>
      <c r="AA1" s="731"/>
    </row>
    <row r="2" spans="1:27" ht="11.25" customHeight="1" thickBot="1" x14ac:dyDescent="0.2">
      <c r="B2" s="482"/>
    </row>
    <row r="3" spans="1:27" s="481" customFormat="1" ht="14.25" customHeight="1" thickBot="1" x14ac:dyDescent="0.2">
      <c r="A3" s="732" t="s">
        <v>212</v>
      </c>
      <c r="B3" s="484" t="s">
        <v>178</v>
      </c>
      <c r="C3" s="485" t="s">
        <v>2</v>
      </c>
      <c r="D3" s="486" t="s">
        <v>3</v>
      </c>
      <c r="E3" s="487" t="s">
        <v>213</v>
      </c>
      <c r="F3" s="487" t="s">
        <v>5</v>
      </c>
      <c r="G3" s="487" t="s">
        <v>6</v>
      </c>
      <c r="H3" s="487" t="s">
        <v>214</v>
      </c>
      <c r="I3" s="487" t="s">
        <v>8</v>
      </c>
      <c r="J3" s="487" t="s">
        <v>9</v>
      </c>
      <c r="K3" s="487" t="s">
        <v>215</v>
      </c>
      <c r="L3" s="488" t="s">
        <v>216</v>
      </c>
      <c r="M3" s="489" t="s">
        <v>217</v>
      </c>
      <c r="O3" s="732" t="s">
        <v>218</v>
      </c>
      <c r="P3" s="702" t="s">
        <v>178</v>
      </c>
      <c r="Q3" s="490" t="s">
        <v>2</v>
      </c>
      <c r="R3" s="491" t="s">
        <v>3</v>
      </c>
      <c r="S3" s="492" t="s">
        <v>213</v>
      </c>
      <c r="T3" s="492" t="s">
        <v>5</v>
      </c>
      <c r="U3" s="492" t="s">
        <v>6</v>
      </c>
      <c r="V3" s="492" t="s">
        <v>214</v>
      </c>
      <c r="W3" s="492" t="s">
        <v>8</v>
      </c>
      <c r="X3" s="492" t="s">
        <v>9</v>
      </c>
      <c r="Y3" s="492" t="s">
        <v>215</v>
      </c>
      <c r="Z3" s="492" t="s">
        <v>216</v>
      </c>
      <c r="AA3" s="493" t="s">
        <v>217</v>
      </c>
    </row>
    <row r="4" spans="1:27" ht="14.25" customHeight="1" thickTop="1" x14ac:dyDescent="0.15">
      <c r="A4" s="733"/>
      <c r="B4" s="698" t="s">
        <v>219</v>
      </c>
      <c r="C4" s="494">
        <v>722</v>
      </c>
      <c r="D4" s="495">
        <v>840</v>
      </c>
      <c r="E4" s="496">
        <v>940</v>
      </c>
      <c r="F4" s="496">
        <v>1040</v>
      </c>
      <c r="G4" s="496">
        <v>1140</v>
      </c>
      <c r="H4" s="496">
        <v>1240</v>
      </c>
      <c r="I4" s="496">
        <v>1340</v>
      </c>
      <c r="J4" s="496">
        <v>1440</v>
      </c>
      <c r="K4" s="496">
        <v>1540</v>
      </c>
      <c r="L4" s="497">
        <v>1640</v>
      </c>
      <c r="M4" s="498">
        <v>1740</v>
      </c>
      <c r="O4" s="733"/>
      <c r="P4" s="703" t="s">
        <v>220</v>
      </c>
      <c r="Q4" s="499">
        <v>726</v>
      </c>
      <c r="R4" s="500">
        <v>844</v>
      </c>
      <c r="S4" s="500">
        <v>944</v>
      </c>
      <c r="T4" s="500">
        <v>1044</v>
      </c>
      <c r="U4" s="500">
        <v>1144</v>
      </c>
      <c r="V4" s="500">
        <v>1244</v>
      </c>
      <c r="W4" s="500">
        <v>1344</v>
      </c>
      <c r="X4" s="500">
        <v>1444</v>
      </c>
      <c r="Y4" s="500">
        <v>1544</v>
      </c>
      <c r="Z4" s="500">
        <v>1644</v>
      </c>
      <c r="AA4" s="501">
        <v>1744</v>
      </c>
    </row>
    <row r="5" spans="1:27" ht="14.25" customHeight="1" x14ac:dyDescent="0.15">
      <c r="A5" s="733"/>
      <c r="B5" s="699" t="s">
        <v>221</v>
      </c>
      <c r="C5" s="502">
        <v>724</v>
      </c>
      <c r="D5" s="502">
        <v>842</v>
      </c>
      <c r="E5" s="503">
        <v>942</v>
      </c>
      <c r="F5" s="503">
        <v>1042</v>
      </c>
      <c r="G5" s="503">
        <v>1142</v>
      </c>
      <c r="H5" s="503">
        <v>1242</v>
      </c>
      <c r="I5" s="503">
        <v>1342</v>
      </c>
      <c r="J5" s="503">
        <v>1442</v>
      </c>
      <c r="K5" s="503">
        <v>1542</v>
      </c>
      <c r="L5" s="503">
        <v>1642</v>
      </c>
      <c r="M5" s="504">
        <v>1742</v>
      </c>
      <c r="O5" s="733"/>
      <c r="P5" s="703" t="s">
        <v>46</v>
      </c>
      <c r="Q5" s="499">
        <v>727</v>
      </c>
      <c r="R5" s="500">
        <v>845</v>
      </c>
      <c r="S5" s="500">
        <v>945</v>
      </c>
      <c r="T5" s="500">
        <v>1045</v>
      </c>
      <c r="U5" s="500">
        <v>1145</v>
      </c>
      <c r="V5" s="500">
        <v>1245</v>
      </c>
      <c r="W5" s="500">
        <v>1345</v>
      </c>
      <c r="X5" s="500">
        <v>1445</v>
      </c>
      <c r="Y5" s="500">
        <v>1545</v>
      </c>
      <c r="Z5" s="500">
        <v>1645</v>
      </c>
      <c r="AA5" s="501">
        <v>1745</v>
      </c>
    </row>
    <row r="6" spans="1:27" ht="14.25" customHeight="1" x14ac:dyDescent="0.15">
      <c r="A6" s="733"/>
      <c r="B6" s="700" t="s">
        <v>222</v>
      </c>
      <c r="C6" s="499">
        <v>725</v>
      </c>
      <c r="D6" s="499">
        <v>843</v>
      </c>
      <c r="E6" s="505">
        <v>943</v>
      </c>
      <c r="F6" s="505">
        <v>1043</v>
      </c>
      <c r="G6" s="505">
        <v>1143</v>
      </c>
      <c r="H6" s="505">
        <v>1243</v>
      </c>
      <c r="I6" s="505">
        <v>1343</v>
      </c>
      <c r="J6" s="505">
        <v>1443</v>
      </c>
      <c r="K6" s="505">
        <v>1543</v>
      </c>
      <c r="L6" s="505">
        <v>1643</v>
      </c>
      <c r="M6" s="506">
        <v>1743</v>
      </c>
      <c r="O6" s="733"/>
      <c r="P6" s="703" t="s">
        <v>95</v>
      </c>
      <c r="Q6" s="499">
        <v>728</v>
      </c>
      <c r="R6" s="500">
        <v>846</v>
      </c>
      <c r="S6" s="500">
        <v>946</v>
      </c>
      <c r="T6" s="500">
        <v>1046</v>
      </c>
      <c r="U6" s="500">
        <v>1146</v>
      </c>
      <c r="V6" s="500">
        <v>1246</v>
      </c>
      <c r="W6" s="500">
        <v>1346</v>
      </c>
      <c r="X6" s="500">
        <v>1446</v>
      </c>
      <c r="Y6" s="500">
        <v>1546</v>
      </c>
      <c r="Z6" s="500">
        <v>1646</v>
      </c>
      <c r="AA6" s="501">
        <v>1746</v>
      </c>
    </row>
    <row r="7" spans="1:27" ht="14.25" customHeight="1" x14ac:dyDescent="0.15">
      <c r="A7" s="733"/>
      <c r="B7" s="700" t="s">
        <v>223</v>
      </c>
      <c r="C7" s="499" t="s">
        <v>224</v>
      </c>
      <c r="D7" s="499" t="s">
        <v>224</v>
      </c>
      <c r="E7" s="505" t="s">
        <v>224</v>
      </c>
      <c r="F7" s="505" t="s">
        <v>224</v>
      </c>
      <c r="G7" s="505" t="s">
        <v>224</v>
      </c>
      <c r="H7" s="505" t="s">
        <v>224</v>
      </c>
      <c r="I7" s="505" t="s">
        <v>224</v>
      </c>
      <c r="J7" s="505" t="s">
        <v>224</v>
      </c>
      <c r="K7" s="505" t="s">
        <v>224</v>
      </c>
      <c r="L7" s="505" t="s">
        <v>224</v>
      </c>
      <c r="M7" s="506" t="s">
        <v>224</v>
      </c>
      <c r="O7" s="733"/>
      <c r="P7" s="703" t="s">
        <v>225</v>
      </c>
      <c r="Q7" s="499">
        <v>730</v>
      </c>
      <c r="R7" s="500">
        <v>847</v>
      </c>
      <c r="S7" s="500">
        <v>947</v>
      </c>
      <c r="T7" s="500">
        <v>1047</v>
      </c>
      <c r="U7" s="500">
        <v>1147</v>
      </c>
      <c r="V7" s="500">
        <v>1247</v>
      </c>
      <c r="W7" s="500">
        <v>1347</v>
      </c>
      <c r="X7" s="500">
        <v>1447</v>
      </c>
      <c r="Y7" s="500">
        <v>1547</v>
      </c>
      <c r="Z7" s="500">
        <v>1647</v>
      </c>
      <c r="AA7" s="501">
        <v>1747</v>
      </c>
    </row>
    <row r="8" spans="1:27" ht="14.25" customHeight="1" x14ac:dyDescent="0.15">
      <c r="A8" s="733"/>
      <c r="B8" s="700" t="s">
        <v>226</v>
      </c>
      <c r="C8" s="499">
        <v>726</v>
      </c>
      <c r="D8" s="499">
        <v>844</v>
      </c>
      <c r="E8" s="505">
        <v>944</v>
      </c>
      <c r="F8" s="505">
        <v>1044</v>
      </c>
      <c r="G8" s="505">
        <v>1144</v>
      </c>
      <c r="H8" s="505">
        <v>1244</v>
      </c>
      <c r="I8" s="505">
        <v>1344</v>
      </c>
      <c r="J8" s="505">
        <v>1444</v>
      </c>
      <c r="K8" s="505">
        <v>1544</v>
      </c>
      <c r="L8" s="505">
        <v>1644</v>
      </c>
      <c r="M8" s="506">
        <v>1744</v>
      </c>
      <c r="O8" s="733"/>
      <c r="P8" s="703" t="s">
        <v>103</v>
      </c>
      <c r="Q8" s="499">
        <v>730</v>
      </c>
      <c r="R8" s="500">
        <v>848</v>
      </c>
      <c r="S8" s="500">
        <v>948</v>
      </c>
      <c r="T8" s="500">
        <v>1048</v>
      </c>
      <c r="U8" s="500">
        <v>1148</v>
      </c>
      <c r="V8" s="500">
        <v>1248</v>
      </c>
      <c r="W8" s="500">
        <v>1348</v>
      </c>
      <c r="X8" s="500">
        <v>1448</v>
      </c>
      <c r="Y8" s="500">
        <v>1548</v>
      </c>
      <c r="Z8" s="500">
        <v>1648</v>
      </c>
      <c r="AA8" s="501">
        <v>1748</v>
      </c>
    </row>
    <row r="9" spans="1:27" ht="14.25" customHeight="1" x14ac:dyDescent="0.15">
      <c r="A9" s="733"/>
      <c r="B9" s="700" t="s">
        <v>227</v>
      </c>
      <c r="C9" s="499">
        <v>727</v>
      </c>
      <c r="D9" s="499">
        <v>845</v>
      </c>
      <c r="E9" s="505">
        <v>945</v>
      </c>
      <c r="F9" s="505">
        <v>1045</v>
      </c>
      <c r="G9" s="505">
        <v>1145</v>
      </c>
      <c r="H9" s="505">
        <v>1245</v>
      </c>
      <c r="I9" s="505">
        <v>1345</v>
      </c>
      <c r="J9" s="505">
        <v>1445</v>
      </c>
      <c r="K9" s="505">
        <v>1545</v>
      </c>
      <c r="L9" s="505">
        <v>1645</v>
      </c>
      <c r="M9" s="506">
        <v>1745</v>
      </c>
      <c r="O9" s="733"/>
      <c r="P9" s="703" t="s">
        <v>228</v>
      </c>
      <c r="Q9" s="499">
        <v>731</v>
      </c>
      <c r="R9" s="500">
        <v>849</v>
      </c>
      <c r="S9" s="500">
        <v>949</v>
      </c>
      <c r="T9" s="500">
        <v>1049</v>
      </c>
      <c r="U9" s="500">
        <v>1149</v>
      </c>
      <c r="V9" s="500">
        <v>1249</v>
      </c>
      <c r="W9" s="500">
        <v>1349</v>
      </c>
      <c r="X9" s="500">
        <v>1449</v>
      </c>
      <c r="Y9" s="500">
        <v>1549</v>
      </c>
      <c r="Z9" s="500">
        <v>1649</v>
      </c>
      <c r="AA9" s="501">
        <v>1749</v>
      </c>
    </row>
    <row r="10" spans="1:27" ht="14.25" customHeight="1" x14ac:dyDescent="0.15">
      <c r="A10" s="733"/>
      <c r="B10" s="700" t="s">
        <v>229</v>
      </c>
      <c r="C10" s="499">
        <v>728</v>
      </c>
      <c r="D10" s="499">
        <v>846</v>
      </c>
      <c r="E10" s="505">
        <v>946</v>
      </c>
      <c r="F10" s="505">
        <v>1046</v>
      </c>
      <c r="G10" s="505">
        <v>1146</v>
      </c>
      <c r="H10" s="505">
        <v>1246</v>
      </c>
      <c r="I10" s="505">
        <v>1346</v>
      </c>
      <c r="J10" s="505">
        <v>1446</v>
      </c>
      <c r="K10" s="505">
        <v>1546</v>
      </c>
      <c r="L10" s="505">
        <v>1646</v>
      </c>
      <c r="M10" s="506">
        <v>1746</v>
      </c>
      <c r="O10" s="733"/>
      <c r="P10" s="703" t="s">
        <v>230</v>
      </c>
      <c r="Q10" s="499">
        <v>732</v>
      </c>
      <c r="R10" s="500">
        <v>850</v>
      </c>
      <c r="S10" s="500">
        <v>950</v>
      </c>
      <c r="T10" s="500">
        <v>1050</v>
      </c>
      <c r="U10" s="500">
        <v>1150</v>
      </c>
      <c r="V10" s="500">
        <v>1250</v>
      </c>
      <c r="W10" s="500">
        <v>1350</v>
      </c>
      <c r="X10" s="500">
        <v>1450</v>
      </c>
      <c r="Y10" s="500">
        <v>1550</v>
      </c>
      <c r="Z10" s="500">
        <v>1650</v>
      </c>
      <c r="AA10" s="501">
        <v>1750</v>
      </c>
    </row>
    <row r="11" spans="1:27" ht="14.25" customHeight="1" x14ac:dyDescent="0.15">
      <c r="A11" s="733"/>
      <c r="B11" s="700" t="s">
        <v>231</v>
      </c>
      <c r="C11" s="499">
        <v>729</v>
      </c>
      <c r="D11" s="499">
        <v>847</v>
      </c>
      <c r="E11" s="505">
        <v>947</v>
      </c>
      <c r="F11" s="505">
        <v>1047</v>
      </c>
      <c r="G11" s="505">
        <v>1147</v>
      </c>
      <c r="H11" s="505">
        <v>1247</v>
      </c>
      <c r="I11" s="505">
        <v>1347</v>
      </c>
      <c r="J11" s="505">
        <v>1447</v>
      </c>
      <c r="K11" s="505">
        <v>1547</v>
      </c>
      <c r="L11" s="505">
        <v>1647</v>
      </c>
      <c r="M11" s="506">
        <v>1747</v>
      </c>
      <c r="O11" s="733"/>
      <c r="P11" s="703" t="s">
        <v>109</v>
      </c>
      <c r="Q11" s="499">
        <v>734</v>
      </c>
      <c r="R11" s="500">
        <v>852</v>
      </c>
      <c r="S11" s="500">
        <v>952</v>
      </c>
      <c r="T11" s="500">
        <v>1052</v>
      </c>
      <c r="U11" s="500">
        <v>1152</v>
      </c>
      <c r="V11" s="500">
        <v>1252</v>
      </c>
      <c r="W11" s="500">
        <v>1352</v>
      </c>
      <c r="X11" s="500">
        <v>1452</v>
      </c>
      <c r="Y11" s="500">
        <v>1552</v>
      </c>
      <c r="Z11" s="500">
        <v>1652</v>
      </c>
      <c r="AA11" s="501">
        <v>1752</v>
      </c>
    </row>
    <row r="12" spans="1:27" ht="14.25" customHeight="1" x14ac:dyDescent="0.15">
      <c r="A12" s="733"/>
      <c r="B12" s="700" t="s">
        <v>232</v>
      </c>
      <c r="C12" s="499">
        <v>730</v>
      </c>
      <c r="D12" s="499">
        <v>848</v>
      </c>
      <c r="E12" s="505">
        <v>948</v>
      </c>
      <c r="F12" s="505">
        <v>1048</v>
      </c>
      <c r="G12" s="505">
        <v>1148</v>
      </c>
      <c r="H12" s="505">
        <v>1248</v>
      </c>
      <c r="I12" s="505">
        <v>1348</v>
      </c>
      <c r="J12" s="505">
        <v>1448</v>
      </c>
      <c r="K12" s="505">
        <v>1548</v>
      </c>
      <c r="L12" s="505">
        <v>1648</v>
      </c>
      <c r="M12" s="506">
        <v>1748</v>
      </c>
      <c r="O12" s="733"/>
      <c r="P12" s="703" t="s">
        <v>113</v>
      </c>
      <c r="Q12" s="499">
        <v>734</v>
      </c>
      <c r="R12" s="500">
        <v>852</v>
      </c>
      <c r="S12" s="500">
        <v>952</v>
      </c>
      <c r="T12" s="500">
        <v>1052</v>
      </c>
      <c r="U12" s="500">
        <v>1152</v>
      </c>
      <c r="V12" s="500">
        <v>1252</v>
      </c>
      <c r="W12" s="500">
        <v>1352</v>
      </c>
      <c r="X12" s="500">
        <v>1452</v>
      </c>
      <c r="Y12" s="500">
        <v>1552</v>
      </c>
      <c r="Z12" s="500">
        <v>1652</v>
      </c>
      <c r="AA12" s="501">
        <v>1752</v>
      </c>
    </row>
    <row r="13" spans="1:27" ht="14.25" customHeight="1" x14ac:dyDescent="0.15">
      <c r="A13" s="733"/>
      <c r="B13" s="700" t="s">
        <v>233</v>
      </c>
      <c r="C13" s="499">
        <v>730</v>
      </c>
      <c r="D13" s="499">
        <v>848</v>
      </c>
      <c r="E13" s="505">
        <v>948</v>
      </c>
      <c r="F13" s="505">
        <v>1048</v>
      </c>
      <c r="G13" s="505">
        <v>1148</v>
      </c>
      <c r="H13" s="505">
        <v>1248</v>
      </c>
      <c r="I13" s="505">
        <v>1348</v>
      </c>
      <c r="J13" s="505">
        <v>1448</v>
      </c>
      <c r="K13" s="505">
        <v>1548</v>
      </c>
      <c r="L13" s="505">
        <v>1648</v>
      </c>
      <c r="M13" s="506">
        <v>1748</v>
      </c>
      <c r="O13" s="733"/>
      <c r="P13" s="735" t="s">
        <v>204</v>
      </c>
      <c r="Q13" s="499">
        <v>739</v>
      </c>
      <c r="R13" s="500">
        <v>857</v>
      </c>
      <c r="S13" s="500">
        <v>957</v>
      </c>
      <c r="T13" s="500">
        <v>1057</v>
      </c>
      <c r="U13" s="500">
        <v>1157</v>
      </c>
      <c r="V13" s="500">
        <v>1257</v>
      </c>
      <c r="W13" s="500">
        <v>1357</v>
      </c>
      <c r="X13" s="500">
        <v>1457</v>
      </c>
      <c r="Y13" s="500">
        <v>1557</v>
      </c>
      <c r="Z13" s="500">
        <v>1657</v>
      </c>
      <c r="AA13" s="501">
        <v>1757</v>
      </c>
    </row>
    <row r="14" spans="1:27" ht="14.25" customHeight="1" x14ac:dyDescent="0.15">
      <c r="A14" s="733"/>
      <c r="B14" s="700" t="s">
        <v>234</v>
      </c>
      <c r="C14" s="499">
        <v>731</v>
      </c>
      <c r="D14" s="499">
        <v>849</v>
      </c>
      <c r="E14" s="505">
        <v>949</v>
      </c>
      <c r="F14" s="505">
        <v>1049</v>
      </c>
      <c r="G14" s="505">
        <v>1149</v>
      </c>
      <c r="H14" s="505">
        <v>1249</v>
      </c>
      <c r="I14" s="505">
        <v>1349</v>
      </c>
      <c r="J14" s="505">
        <v>1449</v>
      </c>
      <c r="K14" s="505">
        <v>1549</v>
      </c>
      <c r="L14" s="505">
        <v>1649</v>
      </c>
      <c r="M14" s="506">
        <v>1749</v>
      </c>
      <c r="O14" s="733"/>
      <c r="P14" s="735"/>
      <c r="Q14" s="499">
        <v>740</v>
      </c>
      <c r="R14" s="500">
        <v>901</v>
      </c>
      <c r="S14" s="500">
        <v>1001</v>
      </c>
      <c r="T14" s="500">
        <v>1101</v>
      </c>
      <c r="U14" s="500">
        <v>1201</v>
      </c>
      <c r="V14" s="500">
        <v>1301</v>
      </c>
      <c r="W14" s="500">
        <v>1401</v>
      </c>
      <c r="X14" s="500">
        <v>1501</v>
      </c>
      <c r="Y14" s="500">
        <v>1601</v>
      </c>
      <c r="Z14" s="500">
        <v>1701</v>
      </c>
      <c r="AA14" s="506">
        <v>1801</v>
      </c>
    </row>
    <row r="15" spans="1:27" ht="14.25" customHeight="1" x14ac:dyDescent="0.15">
      <c r="A15" s="733"/>
      <c r="B15" s="700" t="s">
        <v>235</v>
      </c>
      <c r="C15" s="499">
        <v>732</v>
      </c>
      <c r="D15" s="499">
        <v>850</v>
      </c>
      <c r="E15" s="505">
        <v>950</v>
      </c>
      <c r="F15" s="505">
        <v>1050</v>
      </c>
      <c r="G15" s="505">
        <v>1150</v>
      </c>
      <c r="H15" s="505">
        <v>1250</v>
      </c>
      <c r="I15" s="505">
        <v>1350</v>
      </c>
      <c r="J15" s="505">
        <v>1450</v>
      </c>
      <c r="K15" s="505">
        <v>1550</v>
      </c>
      <c r="L15" s="505">
        <v>1650</v>
      </c>
      <c r="M15" s="506">
        <v>1750</v>
      </c>
      <c r="O15" s="733"/>
      <c r="P15" s="703" t="s">
        <v>51</v>
      </c>
      <c r="Q15" s="499">
        <v>742</v>
      </c>
      <c r="R15" s="500">
        <v>903</v>
      </c>
      <c r="S15" s="500">
        <v>1003</v>
      </c>
      <c r="T15" s="500">
        <v>1103</v>
      </c>
      <c r="U15" s="500">
        <v>1203</v>
      </c>
      <c r="V15" s="500">
        <v>1303</v>
      </c>
      <c r="W15" s="500">
        <v>1403</v>
      </c>
      <c r="X15" s="500">
        <v>1503</v>
      </c>
      <c r="Y15" s="500">
        <v>1603</v>
      </c>
      <c r="Z15" s="500">
        <v>1703</v>
      </c>
      <c r="AA15" s="506">
        <v>1803</v>
      </c>
    </row>
    <row r="16" spans="1:27" ht="14.25" customHeight="1" x14ac:dyDescent="0.15">
      <c r="A16" s="733"/>
      <c r="B16" s="700" t="s">
        <v>236</v>
      </c>
      <c r="C16" s="499">
        <v>732</v>
      </c>
      <c r="D16" s="499">
        <v>850</v>
      </c>
      <c r="E16" s="505">
        <v>950</v>
      </c>
      <c r="F16" s="505">
        <v>1050</v>
      </c>
      <c r="G16" s="505">
        <v>1150</v>
      </c>
      <c r="H16" s="505">
        <v>1250</v>
      </c>
      <c r="I16" s="505">
        <v>1350</v>
      </c>
      <c r="J16" s="505">
        <v>1450</v>
      </c>
      <c r="K16" s="505">
        <v>1550</v>
      </c>
      <c r="L16" s="505">
        <v>1650</v>
      </c>
      <c r="M16" s="506">
        <v>1750</v>
      </c>
      <c r="O16" s="733"/>
      <c r="P16" s="703" t="s">
        <v>237</v>
      </c>
      <c r="Q16" s="499">
        <v>742</v>
      </c>
      <c r="R16" s="500">
        <v>903</v>
      </c>
      <c r="S16" s="500">
        <v>1003</v>
      </c>
      <c r="T16" s="500">
        <v>1103</v>
      </c>
      <c r="U16" s="500">
        <v>1203</v>
      </c>
      <c r="V16" s="500">
        <v>1303</v>
      </c>
      <c r="W16" s="500">
        <v>1403</v>
      </c>
      <c r="X16" s="500">
        <v>1503</v>
      </c>
      <c r="Y16" s="500">
        <v>1603</v>
      </c>
      <c r="Z16" s="500">
        <v>1703</v>
      </c>
      <c r="AA16" s="506">
        <v>1803</v>
      </c>
    </row>
    <row r="17" spans="1:28" ht="14.25" customHeight="1" x14ac:dyDescent="0.15">
      <c r="A17" s="733"/>
      <c r="B17" s="700" t="s">
        <v>238</v>
      </c>
      <c r="C17" s="499">
        <v>732</v>
      </c>
      <c r="D17" s="499">
        <v>850</v>
      </c>
      <c r="E17" s="505">
        <v>950</v>
      </c>
      <c r="F17" s="505">
        <v>1050</v>
      </c>
      <c r="G17" s="505">
        <v>1150</v>
      </c>
      <c r="H17" s="505">
        <v>1250</v>
      </c>
      <c r="I17" s="505">
        <v>1350</v>
      </c>
      <c r="J17" s="505">
        <v>1450</v>
      </c>
      <c r="K17" s="505">
        <v>1550</v>
      </c>
      <c r="L17" s="505">
        <v>1650</v>
      </c>
      <c r="M17" s="506">
        <v>1750</v>
      </c>
      <c r="O17" s="733"/>
      <c r="P17" s="736" t="s">
        <v>239</v>
      </c>
      <c r="Q17" s="737">
        <v>748</v>
      </c>
      <c r="R17" s="738">
        <v>909</v>
      </c>
      <c r="S17" s="738">
        <v>1009</v>
      </c>
      <c r="T17" s="738">
        <v>1109</v>
      </c>
      <c r="U17" s="738">
        <v>1209</v>
      </c>
      <c r="V17" s="738">
        <v>1309</v>
      </c>
      <c r="W17" s="738">
        <v>1409</v>
      </c>
      <c r="X17" s="738">
        <v>1509</v>
      </c>
      <c r="Y17" s="738">
        <v>1609</v>
      </c>
      <c r="Z17" s="738">
        <v>1709</v>
      </c>
      <c r="AA17" s="730">
        <v>1809</v>
      </c>
    </row>
    <row r="18" spans="1:28" ht="14.25" customHeight="1" x14ac:dyDescent="0.15">
      <c r="A18" s="733"/>
      <c r="B18" s="700" t="s">
        <v>240</v>
      </c>
      <c r="C18" s="499">
        <v>733</v>
      </c>
      <c r="D18" s="499">
        <v>851</v>
      </c>
      <c r="E18" s="505">
        <v>951</v>
      </c>
      <c r="F18" s="505">
        <v>1051</v>
      </c>
      <c r="G18" s="505">
        <v>1151</v>
      </c>
      <c r="H18" s="505">
        <v>1251</v>
      </c>
      <c r="I18" s="505">
        <v>1351</v>
      </c>
      <c r="J18" s="505">
        <v>1451</v>
      </c>
      <c r="K18" s="505">
        <v>1551</v>
      </c>
      <c r="L18" s="505">
        <v>1651</v>
      </c>
      <c r="M18" s="506">
        <v>1751</v>
      </c>
      <c r="O18" s="733"/>
      <c r="P18" s="736"/>
      <c r="Q18" s="737"/>
      <c r="R18" s="738"/>
      <c r="S18" s="738"/>
      <c r="T18" s="738"/>
      <c r="U18" s="738"/>
      <c r="V18" s="738"/>
      <c r="W18" s="738"/>
      <c r="X18" s="738"/>
      <c r="Y18" s="738"/>
      <c r="Z18" s="738"/>
      <c r="AA18" s="730"/>
    </row>
    <row r="19" spans="1:28" ht="14.25" customHeight="1" x14ac:dyDescent="0.15">
      <c r="A19" s="733"/>
      <c r="B19" s="700" t="s">
        <v>241</v>
      </c>
      <c r="C19" s="499">
        <v>734</v>
      </c>
      <c r="D19" s="499">
        <v>852</v>
      </c>
      <c r="E19" s="505">
        <v>952</v>
      </c>
      <c r="F19" s="505">
        <v>1052</v>
      </c>
      <c r="G19" s="505">
        <v>1152</v>
      </c>
      <c r="H19" s="505">
        <v>1252</v>
      </c>
      <c r="I19" s="505">
        <v>1352</v>
      </c>
      <c r="J19" s="505">
        <v>1452</v>
      </c>
      <c r="K19" s="505">
        <v>1552</v>
      </c>
      <c r="L19" s="505">
        <v>1652</v>
      </c>
      <c r="M19" s="506">
        <v>1752</v>
      </c>
      <c r="O19" s="733"/>
      <c r="P19" s="703" t="s">
        <v>242</v>
      </c>
      <c r="Q19" s="499">
        <v>749</v>
      </c>
      <c r="R19" s="500">
        <v>910</v>
      </c>
      <c r="S19" s="500">
        <v>1010</v>
      </c>
      <c r="T19" s="500">
        <v>1110</v>
      </c>
      <c r="U19" s="500">
        <v>1210</v>
      </c>
      <c r="V19" s="500">
        <v>1310</v>
      </c>
      <c r="W19" s="500">
        <v>1410</v>
      </c>
      <c r="X19" s="500">
        <v>1510</v>
      </c>
      <c r="Y19" s="500">
        <v>1610</v>
      </c>
      <c r="Z19" s="500">
        <v>1710</v>
      </c>
      <c r="AA19" s="506">
        <v>1810</v>
      </c>
    </row>
    <row r="20" spans="1:28" ht="14.25" customHeight="1" x14ac:dyDescent="0.15">
      <c r="A20" s="733"/>
      <c r="B20" s="700" t="s">
        <v>243</v>
      </c>
      <c r="C20" s="499">
        <v>734</v>
      </c>
      <c r="D20" s="499">
        <v>852</v>
      </c>
      <c r="E20" s="505">
        <v>952</v>
      </c>
      <c r="F20" s="505">
        <v>1052</v>
      </c>
      <c r="G20" s="505">
        <v>1152</v>
      </c>
      <c r="H20" s="505">
        <v>1252</v>
      </c>
      <c r="I20" s="505">
        <v>1352</v>
      </c>
      <c r="J20" s="505">
        <v>1452</v>
      </c>
      <c r="K20" s="505">
        <v>1552</v>
      </c>
      <c r="L20" s="505">
        <v>1652</v>
      </c>
      <c r="M20" s="506">
        <v>1752</v>
      </c>
      <c r="O20" s="733"/>
      <c r="P20" s="703" t="s">
        <v>244</v>
      </c>
      <c r="Q20" s="499">
        <v>750</v>
      </c>
      <c r="R20" s="500">
        <v>911</v>
      </c>
      <c r="S20" s="500">
        <v>1011</v>
      </c>
      <c r="T20" s="500">
        <v>1111</v>
      </c>
      <c r="U20" s="500">
        <v>1211</v>
      </c>
      <c r="V20" s="500">
        <v>1311</v>
      </c>
      <c r="W20" s="500">
        <v>1411</v>
      </c>
      <c r="X20" s="500">
        <v>1511</v>
      </c>
      <c r="Y20" s="500">
        <v>1611</v>
      </c>
      <c r="Z20" s="500">
        <v>1711</v>
      </c>
      <c r="AA20" s="506">
        <v>1811</v>
      </c>
    </row>
    <row r="21" spans="1:28" ht="14.25" customHeight="1" x14ac:dyDescent="0.15">
      <c r="A21" s="733"/>
      <c r="B21" s="700" t="s">
        <v>245</v>
      </c>
      <c r="C21" s="499" t="s">
        <v>21</v>
      </c>
      <c r="D21" s="499">
        <v>854</v>
      </c>
      <c r="E21" s="505">
        <v>954</v>
      </c>
      <c r="F21" s="505">
        <v>1054</v>
      </c>
      <c r="G21" s="505">
        <v>1154</v>
      </c>
      <c r="H21" s="505">
        <v>1254</v>
      </c>
      <c r="I21" s="505">
        <v>1354</v>
      </c>
      <c r="J21" s="505">
        <v>1454</v>
      </c>
      <c r="K21" s="505">
        <v>1554</v>
      </c>
      <c r="L21" s="505">
        <v>1654</v>
      </c>
      <c r="M21" s="506">
        <v>1754</v>
      </c>
      <c r="O21" s="733"/>
      <c r="P21" s="703" t="s">
        <v>246</v>
      </c>
      <c r="Q21" s="499">
        <v>752</v>
      </c>
      <c r="R21" s="500">
        <v>913</v>
      </c>
      <c r="S21" s="500">
        <v>1013</v>
      </c>
      <c r="T21" s="500">
        <v>1113</v>
      </c>
      <c r="U21" s="500">
        <v>1213</v>
      </c>
      <c r="V21" s="500">
        <v>1313</v>
      </c>
      <c r="W21" s="500">
        <v>1413</v>
      </c>
      <c r="X21" s="500">
        <v>1513</v>
      </c>
      <c r="Y21" s="500">
        <v>1613</v>
      </c>
      <c r="Z21" s="500">
        <v>1713</v>
      </c>
      <c r="AA21" s="506">
        <v>1813</v>
      </c>
    </row>
    <row r="22" spans="1:28" ht="14.25" customHeight="1" x14ac:dyDescent="0.15">
      <c r="A22" s="733"/>
      <c r="B22" s="700" t="s">
        <v>247</v>
      </c>
      <c r="C22" s="499">
        <v>735</v>
      </c>
      <c r="D22" s="499">
        <v>856</v>
      </c>
      <c r="E22" s="505">
        <v>956</v>
      </c>
      <c r="F22" s="505">
        <v>1056</v>
      </c>
      <c r="G22" s="505">
        <v>1156</v>
      </c>
      <c r="H22" s="505">
        <v>1256</v>
      </c>
      <c r="I22" s="505">
        <v>1356</v>
      </c>
      <c r="J22" s="505">
        <v>1456</v>
      </c>
      <c r="K22" s="505">
        <v>1556</v>
      </c>
      <c r="L22" s="505">
        <v>1656</v>
      </c>
      <c r="M22" s="506">
        <v>1756</v>
      </c>
      <c r="O22" s="733"/>
      <c r="P22" s="703" t="s">
        <v>248</v>
      </c>
      <c r="Q22" s="499">
        <v>752</v>
      </c>
      <c r="R22" s="500">
        <v>913</v>
      </c>
      <c r="S22" s="500">
        <v>1013</v>
      </c>
      <c r="T22" s="500">
        <v>1113</v>
      </c>
      <c r="U22" s="500">
        <v>1213</v>
      </c>
      <c r="V22" s="500">
        <v>1313</v>
      </c>
      <c r="W22" s="500">
        <v>1413</v>
      </c>
      <c r="X22" s="500">
        <v>1513</v>
      </c>
      <c r="Y22" s="500">
        <v>1613</v>
      </c>
      <c r="Z22" s="500">
        <v>1713</v>
      </c>
      <c r="AA22" s="506">
        <v>1813</v>
      </c>
    </row>
    <row r="23" spans="1:28" ht="14.25" customHeight="1" x14ac:dyDescent="0.15">
      <c r="A23" s="733"/>
      <c r="B23" s="700" t="s">
        <v>249</v>
      </c>
      <c r="C23" s="499">
        <v>736</v>
      </c>
      <c r="D23" s="499">
        <v>857</v>
      </c>
      <c r="E23" s="505">
        <v>957</v>
      </c>
      <c r="F23" s="505">
        <v>1057</v>
      </c>
      <c r="G23" s="505">
        <v>1157</v>
      </c>
      <c r="H23" s="505">
        <v>1257</v>
      </c>
      <c r="I23" s="505">
        <v>1357</v>
      </c>
      <c r="J23" s="505">
        <v>1457</v>
      </c>
      <c r="K23" s="505">
        <v>1557</v>
      </c>
      <c r="L23" s="505">
        <v>1657</v>
      </c>
      <c r="M23" s="506">
        <v>1757</v>
      </c>
      <c r="O23" s="733"/>
      <c r="P23" s="703" t="s">
        <v>250</v>
      </c>
      <c r="Q23" s="499">
        <v>753</v>
      </c>
      <c r="R23" s="500">
        <v>914</v>
      </c>
      <c r="S23" s="500">
        <v>1014</v>
      </c>
      <c r="T23" s="500">
        <v>1114</v>
      </c>
      <c r="U23" s="500">
        <v>1214</v>
      </c>
      <c r="V23" s="500">
        <v>1314</v>
      </c>
      <c r="W23" s="500">
        <v>1414</v>
      </c>
      <c r="X23" s="500">
        <v>1514</v>
      </c>
      <c r="Y23" s="500">
        <v>1614</v>
      </c>
      <c r="Z23" s="500">
        <v>1714</v>
      </c>
      <c r="AA23" s="506">
        <v>1814</v>
      </c>
    </row>
    <row r="24" spans="1:28" ht="14.25" customHeight="1" x14ac:dyDescent="0.15">
      <c r="A24" s="733"/>
      <c r="B24" s="700" t="s">
        <v>251</v>
      </c>
      <c r="C24" s="499">
        <v>737</v>
      </c>
      <c r="D24" s="499">
        <v>858</v>
      </c>
      <c r="E24" s="505">
        <v>958</v>
      </c>
      <c r="F24" s="505">
        <v>1058</v>
      </c>
      <c r="G24" s="505">
        <v>1158</v>
      </c>
      <c r="H24" s="505">
        <v>1258</v>
      </c>
      <c r="I24" s="505">
        <v>1358</v>
      </c>
      <c r="J24" s="505">
        <v>1458</v>
      </c>
      <c r="K24" s="505">
        <v>1558</v>
      </c>
      <c r="L24" s="505">
        <v>1658</v>
      </c>
      <c r="M24" s="506">
        <v>1758</v>
      </c>
      <c r="O24" s="733"/>
      <c r="P24" s="703" t="s">
        <v>252</v>
      </c>
      <c r="Q24" s="499">
        <v>754</v>
      </c>
      <c r="R24" s="500">
        <v>915</v>
      </c>
      <c r="S24" s="500">
        <v>1015</v>
      </c>
      <c r="T24" s="500">
        <v>1115</v>
      </c>
      <c r="U24" s="500">
        <v>1215</v>
      </c>
      <c r="V24" s="500">
        <v>1315</v>
      </c>
      <c r="W24" s="500">
        <v>1415</v>
      </c>
      <c r="X24" s="500">
        <v>1515</v>
      </c>
      <c r="Y24" s="500">
        <v>1615</v>
      </c>
      <c r="Z24" s="500">
        <v>1715</v>
      </c>
      <c r="AA24" s="506">
        <v>1815</v>
      </c>
    </row>
    <row r="25" spans="1:28" ht="14.25" customHeight="1" x14ac:dyDescent="0.15">
      <c r="A25" s="733"/>
      <c r="B25" s="700" t="s">
        <v>253</v>
      </c>
      <c r="C25" s="499">
        <v>738</v>
      </c>
      <c r="D25" s="499">
        <v>859</v>
      </c>
      <c r="E25" s="505">
        <v>959</v>
      </c>
      <c r="F25" s="505">
        <v>1059</v>
      </c>
      <c r="G25" s="505">
        <v>1159</v>
      </c>
      <c r="H25" s="505">
        <v>1259</v>
      </c>
      <c r="I25" s="505">
        <v>1359</v>
      </c>
      <c r="J25" s="505">
        <v>1459</v>
      </c>
      <c r="K25" s="505">
        <v>1559</v>
      </c>
      <c r="L25" s="505">
        <v>1659</v>
      </c>
      <c r="M25" s="506">
        <v>1759</v>
      </c>
      <c r="O25" s="733"/>
      <c r="P25" s="703" t="s">
        <v>254</v>
      </c>
      <c r="Q25" s="499">
        <v>756</v>
      </c>
      <c r="R25" s="500">
        <v>917</v>
      </c>
      <c r="S25" s="500">
        <v>1017</v>
      </c>
      <c r="T25" s="500">
        <v>1117</v>
      </c>
      <c r="U25" s="500">
        <v>1217</v>
      </c>
      <c r="V25" s="500">
        <v>1317</v>
      </c>
      <c r="W25" s="500">
        <v>1417</v>
      </c>
      <c r="X25" s="500">
        <v>1517</v>
      </c>
      <c r="Y25" s="500">
        <v>1617</v>
      </c>
      <c r="Z25" s="500">
        <v>1717</v>
      </c>
      <c r="AA25" s="506">
        <v>1817</v>
      </c>
    </row>
    <row r="26" spans="1:28" ht="14.25" customHeight="1" x14ac:dyDescent="0.15">
      <c r="A26" s="733"/>
      <c r="B26" s="700" t="s">
        <v>255</v>
      </c>
      <c r="C26" s="499">
        <v>740</v>
      </c>
      <c r="D26" s="499">
        <v>900</v>
      </c>
      <c r="E26" s="505">
        <v>1000</v>
      </c>
      <c r="F26" s="505">
        <v>1100</v>
      </c>
      <c r="G26" s="505">
        <v>1200</v>
      </c>
      <c r="H26" s="505">
        <v>1300</v>
      </c>
      <c r="I26" s="505">
        <v>1400</v>
      </c>
      <c r="J26" s="505">
        <v>1500</v>
      </c>
      <c r="K26" s="505">
        <v>1600</v>
      </c>
      <c r="L26" s="505">
        <v>1700</v>
      </c>
      <c r="M26" s="506">
        <v>1800</v>
      </c>
      <c r="O26" s="733"/>
      <c r="P26" s="703" t="s">
        <v>256</v>
      </c>
      <c r="Q26" s="499">
        <v>758</v>
      </c>
      <c r="R26" s="500">
        <v>919</v>
      </c>
      <c r="S26" s="500">
        <v>1019</v>
      </c>
      <c r="T26" s="500">
        <v>1119</v>
      </c>
      <c r="U26" s="500">
        <v>1219</v>
      </c>
      <c r="V26" s="500">
        <v>1319</v>
      </c>
      <c r="W26" s="500">
        <v>1419</v>
      </c>
      <c r="X26" s="500">
        <v>1519</v>
      </c>
      <c r="Y26" s="500">
        <v>1619</v>
      </c>
      <c r="Z26" s="500">
        <v>1719</v>
      </c>
      <c r="AA26" s="506">
        <v>1819</v>
      </c>
    </row>
    <row r="27" spans="1:28" ht="14.25" customHeight="1" x14ac:dyDescent="0.15">
      <c r="A27" s="733"/>
      <c r="B27" s="700" t="s">
        <v>257</v>
      </c>
      <c r="C27" s="499">
        <v>742</v>
      </c>
      <c r="D27" s="499">
        <v>902</v>
      </c>
      <c r="E27" s="505">
        <v>1002</v>
      </c>
      <c r="F27" s="505">
        <v>1102</v>
      </c>
      <c r="G27" s="505">
        <v>1202</v>
      </c>
      <c r="H27" s="505">
        <v>1302</v>
      </c>
      <c r="I27" s="505">
        <v>1402</v>
      </c>
      <c r="J27" s="505">
        <v>1502</v>
      </c>
      <c r="K27" s="505">
        <v>1602</v>
      </c>
      <c r="L27" s="505">
        <v>1702</v>
      </c>
      <c r="M27" s="507">
        <v>1802</v>
      </c>
      <c r="O27" s="733"/>
      <c r="P27" s="703" t="s">
        <v>258</v>
      </c>
      <c r="Q27" s="499">
        <v>759</v>
      </c>
      <c r="R27" s="500">
        <v>920</v>
      </c>
      <c r="S27" s="500">
        <v>1020</v>
      </c>
      <c r="T27" s="500">
        <v>1120</v>
      </c>
      <c r="U27" s="500">
        <v>1220</v>
      </c>
      <c r="V27" s="500">
        <v>1320</v>
      </c>
      <c r="W27" s="500">
        <v>1420</v>
      </c>
      <c r="X27" s="500">
        <v>1520</v>
      </c>
      <c r="Y27" s="500">
        <v>1620</v>
      </c>
      <c r="Z27" s="500">
        <v>1720</v>
      </c>
      <c r="AA27" s="506">
        <v>1820</v>
      </c>
    </row>
    <row r="28" spans="1:28" ht="14.25" customHeight="1" x14ac:dyDescent="0.15">
      <c r="A28" s="733"/>
      <c r="B28" s="700" t="s">
        <v>259</v>
      </c>
      <c r="C28" s="499">
        <v>743</v>
      </c>
      <c r="D28" s="499">
        <v>903</v>
      </c>
      <c r="E28" s="505">
        <v>1003</v>
      </c>
      <c r="F28" s="505">
        <v>1103</v>
      </c>
      <c r="G28" s="505">
        <v>1203</v>
      </c>
      <c r="H28" s="505">
        <v>1303</v>
      </c>
      <c r="I28" s="505">
        <v>1403</v>
      </c>
      <c r="J28" s="505">
        <v>1503</v>
      </c>
      <c r="K28" s="505">
        <v>1603</v>
      </c>
      <c r="L28" s="505">
        <v>1703</v>
      </c>
      <c r="M28" s="507">
        <v>1803</v>
      </c>
      <c r="N28" s="508"/>
      <c r="O28" s="733"/>
      <c r="P28" s="703" t="s">
        <v>260</v>
      </c>
      <c r="Q28" s="499">
        <v>800</v>
      </c>
      <c r="R28" s="500">
        <v>921</v>
      </c>
      <c r="S28" s="500">
        <v>1021</v>
      </c>
      <c r="T28" s="500">
        <v>1121</v>
      </c>
      <c r="U28" s="500">
        <v>1221</v>
      </c>
      <c r="V28" s="500">
        <v>1321</v>
      </c>
      <c r="W28" s="500">
        <v>1421</v>
      </c>
      <c r="X28" s="500">
        <v>1521</v>
      </c>
      <c r="Y28" s="500">
        <v>1621</v>
      </c>
      <c r="Z28" s="500">
        <v>1721</v>
      </c>
      <c r="AA28" s="506">
        <v>1821</v>
      </c>
    </row>
    <row r="29" spans="1:28" ht="14.25" customHeight="1" x14ac:dyDescent="0.15">
      <c r="A29" s="733"/>
      <c r="B29" s="700" t="s">
        <v>261</v>
      </c>
      <c r="C29" s="499">
        <v>744</v>
      </c>
      <c r="D29" s="499">
        <v>904</v>
      </c>
      <c r="E29" s="505">
        <v>1004</v>
      </c>
      <c r="F29" s="505">
        <v>1104</v>
      </c>
      <c r="G29" s="505">
        <v>1204</v>
      </c>
      <c r="H29" s="505">
        <v>1304</v>
      </c>
      <c r="I29" s="505">
        <v>1404</v>
      </c>
      <c r="J29" s="505">
        <v>1504</v>
      </c>
      <c r="K29" s="505">
        <v>1604</v>
      </c>
      <c r="L29" s="505">
        <v>1704</v>
      </c>
      <c r="M29" s="507">
        <v>1804</v>
      </c>
      <c r="N29" s="508"/>
      <c r="O29" s="733"/>
      <c r="P29" s="703" t="s">
        <v>261</v>
      </c>
      <c r="Q29" s="499">
        <v>801</v>
      </c>
      <c r="R29" s="500">
        <v>922</v>
      </c>
      <c r="S29" s="500">
        <v>1022</v>
      </c>
      <c r="T29" s="500">
        <v>1122</v>
      </c>
      <c r="U29" s="500">
        <v>1222</v>
      </c>
      <c r="V29" s="500">
        <v>1322</v>
      </c>
      <c r="W29" s="500">
        <v>1422</v>
      </c>
      <c r="X29" s="500">
        <v>1522</v>
      </c>
      <c r="Y29" s="500">
        <v>1622</v>
      </c>
      <c r="Z29" s="500">
        <v>1722</v>
      </c>
      <c r="AA29" s="506">
        <v>1822</v>
      </c>
    </row>
    <row r="30" spans="1:28" ht="14.25" customHeight="1" x14ac:dyDescent="0.15">
      <c r="A30" s="733"/>
      <c r="B30" s="700" t="s">
        <v>262</v>
      </c>
      <c r="C30" s="499">
        <v>745</v>
      </c>
      <c r="D30" s="499">
        <v>905</v>
      </c>
      <c r="E30" s="505">
        <v>1005</v>
      </c>
      <c r="F30" s="505">
        <v>1105</v>
      </c>
      <c r="G30" s="505">
        <v>1205</v>
      </c>
      <c r="H30" s="505">
        <v>1305</v>
      </c>
      <c r="I30" s="505">
        <v>1405</v>
      </c>
      <c r="J30" s="505">
        <v>1505</v>
      </c>
      <c r="K30" s="505">
        <v>1605</v>
      </c>
      <c r="L30" s="505">
        <v>1705</v>
      </c>
      <c r="M30" s="506">
        <v>1805</v>
      </c>
      <c r="O30" s="733"/>
      <c r="P30" s="703" t="s">
        <v>263</v>
      </c>
      <c r="Q30" s="499">
        <v>802</v>
      </c>
      <c r="R30" s="500">
        <v>923</v>
      </c>
      <c r="S30" s="500">
        <v>1023</v>
      </c>
      <c r="T30" s="500">
        <v>1123</v>
      </c>
      <c r="U30" s="500">
        <v>1223</v>
      </c>
      <c r="V30" s="500">
        <v>1323</v>
      </c>
      <c r="W30" s="500">
        <v>1423</v>
      </c>
      <c r="X30" s="500">
        <v>1523</v>
      </c>
      <c r="Y30" s="500">
        <v>1623</v>
      </c>
      <c r="Z30" s="500">
        <v>1723</v>
      </c>
      <c r="AA30" s="506">
        <v>1823</v>
      </c>
    </row>
    <row r="31" spans="1:28" ht="14.25" customHeight="1" x14ac:dyDescent="0.15">
      <c r="A31" s="733"/>
      <c r="B31" s="700" t="s">
        <v>258</v>
      </c>
      <c r="C31" s="499">
        <v>746</v>
      </c>
      <c r="D31" s="499">
        <v>906</v>
      </c>
      <c r="E31" s="505">
        <v>1006</v>
      </c>
      <c r="F31" s="505">
        <v>1106</v>
      </c>
      <c r="G31" s="505">
        <v>1206</v>
      </c>
      <c r="H31" s="505">
        <v>1306</v>
      </c>
      <c r="I31" s="505">
        <v>1406</v>
      </c>
      <c r="J31" s="505">
        <v>1506</v>
      </c>
      <c r="K31" s="505">
        <v>1606</v>
      </c>
      <c r="L31" s="505">
        <v>1706</v>
      </c>
      <c r="M31" s="506">
        <v>1806</v>
      </c>
      <c r="O31" s="733"/>
      <c r="P31" s="703" t="s">
        <v>257</v>
      </c>
      <c r="Q31" s="499">
        <v>803</v>
      </c>
      <c r="R31" s="500">
        <v>924</v>
      </c>
      <c r="S31" s="500">
        <v>1024</v>
      </c>
      <c r="T31" s="500">
        <v>1124</v>
      </c>
      <c r="U31" s="500">
        <v>1224</v>
      </c>
      <c r="V31" s="500">
        <v>1324</v>
      </c>
      <c r="W31" s="500">
        <v>1424</v>
      </c>
      <c r="X31" s="500">
        <v>1524</v>
      </c>
      <c r="Y31" s="500">
        <v>1624</v>
      </c>
      <c r="Z31" s="500">
        <v>1724</v>
      </c>
      <c r="AA31" s="506">
        <v>1824</v>
      </c>
      <c r="AB31" s="509"/>
    </row>
    <row r="32" spans="1:28" ht="14.25" customHeight="1" x14ac:dyDescent="0.15">
      <c r="A32" s="733"/>
      <c r="B32" s="700" t="s">
        <v>256</v>
      </c>
      <c r="C32" s="499">
        <v>747</v>
      </c>
      <c r="D32" s="499">
        <v>907</v>
      </c>
      <c r="E32" s="505">
        <v>1007</v>
      </c>
      <c r="F32" s="505">
        <v>1107</v>
      </c>
      <c r="G32" s="505">
        <v>1207</v>
      </c>
      <c r="H32" s="505">
        <v>1307</v>
      </c>
      <c r="I32" s="505">
        <v>1407</v>
      </c>
      <c r="J32" s="505">
        <v>1507</v>
      </c>
      <c r="K32" s="505">
        <v>1607</v>
      </c>
      <c r="L32" s="505">
        <v>1707</v>
      </c>
      <c r="M32" s="506">
        <v>1807</v>
      </c>
      <c r="O32" s="733"/>
      <c r="P32" s="703" t="s">
        <v>255</v>
      </c>
      <c r="Q32" s="499">
        <v>805</v>
      </c>
      <c r="R32" s="500">
        <v>926</v>
      </c>
      <c r="S32" s="500">
        <v>1026</v>
      </c>
      <c r="T32" s="500">
        <v>1126</v>
      </c>
      <c r="U32" s="500">
        <v>1226</v>
      </c>
      <c r="V32" s="500">
        <v>1326</v>
      </c>
      <c r="W32" s="500">
        <v>1426</v>
      </c>
      <c r="X32" s="500">
        <v>1526</v>
      </c>
      <c r="Y32" s="500">
        <v>1626</v>
      </c>
      <c r="Z32" s="500">
        <v>1726</v>
      </c>
      <c r="AA32" s="506">
        <v>1826</v>
      </c>
    </row>
    <row r="33" spans="1:27" ht="14.25" customHeight="1" x14ac:dyDescent="0.15">
      <c r="A33" s="733"/>
      <c r="B33" s="700" t="s">
        <v>254</v>
      </c>
      <c r="C33" s="499">
        <v>749</v>
      </c>
      <c r="D33" s="499">
        <v>909</v>
      </c>
      <c r="E33" s="505">
        <v>1009</v>
      </c>
      <c r="F33" s="505">
        <v>1109</v>
      </c>
      <c r="G33" s="505">
        <v>1209</v>
      </c>
      <c r="H33" s="505">
        <v>1309</v>
      </c>
      <c r="I33" s="505">
        <v>1409</v>
      </c>
      <c r="J33" s="505">
        <v>1509</v>
      </c>
      <c r="K33" s="505">
        <v>1609</v>
      </c>
      <c r="L33" s="505">
        <v>1709</v>
      </c>
      <c r="M33" s="506">
        <v>1809</v>
      </c>
      <c r="O33" s="733"/>
      <c r="P33" s="703" t="s">
        <v>264</v>
      </c>
      <c r="Q33" s="499">
        <v>806</v>
      </c>
      <c r="R33" s="500">
        <v>927</v>
      </c>
      <c r="S33" s="500">
        <v>1027</v>
      </c>
      <c r="T33" s="500">
        <v>1127</v>
      </c>
      <c r="U33" s="500">
        <v>1227</v>
      </c>
      <c r="V33" s="500">
        <v>1327</v>
      </c>
      <c r="W33" s="500">
        <v>1427</v>
      </c>
      <c r="X33" s="500">
        <v>1527</v>
      </c>
      <c r="Y33" s="500">
        <v>1627</v>
      </c>
      <c r="Z33" s="500">
        <v>1727</v>
      </c>
      <c r="AA33" s="506">
        <v>1827</v>
      </c>
    </row>
    <row r="34" spans="1:27" ht="14.25" customHeight="1" x14ac:dyDescent="0.15">
      <c r="A34" s="733"/>
      <c r="B34" s="700" t="s">
        <v>252</v>
      </c>
      <c r="C34" s="499">
        <v>751</v>
      </c>
      <c r="D34" s="499">
        <v>911</v>
      </c>
      <c r="E34" s="505">
        <v>1011</v>
      </c>
      <c r="F34" s="505">
        <v>1111</v>
      </c>
      <c r="G34" s="505">
        <v>1211</v>
      </c>
      <c r="H34" s="505">
        <v>1311</v>
      </c>
      <c r="I34" s="505">
        <v>1411</v>
      </c>
      <c r="J34" s="505">
        <v>1511</v>
      </c>
      <c r="K34" s="505">
        <v>1611</v>
      </c>
      <c r="L34" s="505">
        <v>1711</v>
      </c>
      <c r="M34" s="506">
        <v>1811</v>
      </c>
      <c r="O34" s="733"/>
      <c r="P34" s="703" t="s">
        <v>265</v>
      </c>
      <c r="Q34" s="499">
        <v>807</v>
      </c>
      <c r="R34" s="500">
        <v>928</v>
      </c>
      <c r="S34" s="500">
        <v>1028</v>
      </c>
      <c r="T34" s="500">
        <v>1128</v>
      </c>
      <c r="U34" s="500">
        <v>1228</v>
      </c>
      <c r="V34" s="500">
        <v>1328</v>
      </c>
      <c r="W34" s="500">
        <v>1428</v>
      </c>
      <c r="X34" s="500">
        <v>1528</v>
      </c>
      <c r="Y34" s="500">
        <v>1628</v>
      </c>
      <c r="Z34" s="500">
        <v>1728</v>
      </c>
      <c r="AA34" s="506">
        <v>1828</v>
      </c>
    </row>
    <row r="35" spans="1:27" ht="14.25" customHeight="1" x14ac:dyDescent="0.15">
      <c r="A35" s="733"/>
      <c r="B35" s="700" t="s">
        <v>250</v>
      </c>
      <c r="C35" s="499">
        <v>751</v>
      </c>
      <c r="D35" s="499">
        <v>911</v>
      </c>
      <c r="E35" s="505">
        <v>1011</v>
      </c>
      <c r="F35" s="505">
        <v>1111</v>
      </c>
      <c r="G35" s="505">
        <v>1211</v>
      </c>
      <c r="H35" s="505">
        <v>1311</v>
      </c>
      <c r="I35" s="505">
        <v>1411</v>
      </c>
      <c r="J35" s="505">
        <v>1511</v>
      </c>
      <c r="K35" s="505">
        <v>1611</v>
      </c>
      <c r="L35" s="505">
        <v>1711</v>
      </c>
      <c r="M35" s="506">
        <v>1811</v>
      </c>
      <c r="O35" s="733"/>
      <c r="P35" s="703" t="s">
        <v>249</v>
      </c>
      <c r="Q35" s="499">
        <v>808</v>
      </c>
      <c r="R35" s="500">
        <v>929</v>
      </c>
      <c r="S35" s="500">
        <v>1029</v>
      </c>
      <c r="T35" s="500">
        <v>1129</v>
      </c>
      <c r="U35" s="500">
        <v>1229</v>
      </c>
      <c r="V35" s="500">
        <v>1329</v>
      </c>
      <c r="W35" s="500">
        <v>1429</v>
      </c>
      <c r="X35" s="500">
        <v>1529</v>
      </c>
      <c r="Y35" s="500">
        <v>1629</v>
      </c>
      <c r="Z35" s="500">
        <v>1729</v>
      </c>
      <c r="AA35" s="506">
        <v>1829</v>
      </c>
    </row>
    <row r="36" spans="1:27" ht="14.25" customHeight="1" x14ac:dyDescent="0.15">
      <c r="A36" s="733"/>
      <c r="B36" s="700" t="s">
        <v>248</v>
      </c>
      <c r="C36" s="499">
        <v>752</v>
      </c>
      <c r="D36" s="499">
        <v>912</v>
      </c>
      <c r="E36" s="505">
        <v>1012</v>
      </c>
      <c r="F36" s="505">
        <v>1112</v>
      </c>
      <c r="G36" s="505">
        <v>1212</v>
      </c>
      <c r="H36" s="505">
        <v>1312</v>
      </c>
      <c r="I36" s="505">
        <v>1412</v>
      </c>
      <c r="J36" s="505">
        <v>1512</v>
      </c>
      <c r="K36" s="505">
        <v>1612</v>
      </c>
      <c r="L36" s="505">
        <v>1712</v>
      </c>
      <c r="M36" s="506">
        <v>1812</v>
      </c>
      <c r="O36" s="733"/>
      <c r="P36" s="703" t="s">
        <v>247</v>
      </c>
      <c r="Q36" s="499">
        <v>809</v>
      </c>
      <c r="R36" s="500">
        <v>930</v>
      </c>
      <c r="S36" s="500">
        <v>1030</v>
      </c>
      <c r="T36" s="500">
        <v>1130</v>
      </c>
      <c r="U36" s="500">
        <v>1230</v>
      </c>
      <c r="V36" s="500">
        <v>1330</v>
      </c>
      <c r="W36" s="500">
        <v>1430</v>
      </c>
      <c r="X36" s="500">
        <v>1530</v>
      </c>
      <c r="Y36" s="500">
        <v>1630</v>
      </c>
      <c r="Z36" s="500">
        <v>1730</v>
      </c>
      <c r="AA36" s="506">
        <v>1830</v>
      </c>
    </row>
    <row r="37" spans="1:27" ht="14.25" customHeight="1" x14ac:dyDescent="0.15">
      <c r="A37" s="733"/>
      <c r="B37" s="700" t="s">
        <v>266</v>
      </c>
      <c r="C37" s="499">
        <v>753</v>
      </c>
      <c r="D37" s="499">
        <v>913</v>
      </c>
      <c r="E37" s="505">
        <v>1013</v>
      </c>
      <c r="F37" s="505">
        <v>1113</v>
      </c>
      <c r="G37" s="505">
        <v>1213</v>
      </c>
      <c r="H37" s="505">
        <v>1313</v>
      </c>
      <c r="I37" s="505">
        <v>1413</v>
      </c>
      <c r="J37" s="505">
        <v>1513</v>
      </c>
      <c r="K37" s="505">
        <v>1613</v>
      </c>
      <c r="L37" s="505">
        <v>1713</v>
      </c>
      <c r="M37" s="506">
        <v>1813</v>
      </c>
      <c r="O37" s="733"/>
      <c r="P37" s="703" t="s">
        <v>245</v>
      </c>
      <c r="Q37" s="499">
        <v>812</v>
      </c>
      <c r="R37" s="500">
        <v>933</v>
      </c>
      <c r="S37" s="500">
        <v>1033</v>
      </c>
      <c r="T37" s="500">
        <v>1133</v>
      </c>
      <c r="U37" s="500">
        <v>1233</v>
      </c>
      <c r="V37" s="500">
        <v>1333</v>
      </c>
      <c r="W37" s="500">
        <v>1433</v>
      </c>
      <c r="X37" s="500">
        <v>1533</v>
      </c>
      <c r="Y37" s="500">
        <v>1633</v>
      </c>
      <c r="Z37" s="500">
        <v>1733</v>
      </c>
      <c r="AA37" s="506">
        <v>1833</v>
      </c>
    </row>
    <row r="38" spans="1:27" ht="14.25" customHeight="1" x14ac:dyDescent="0.15">
      <c r="A38" s="733"/>
      <c r="B38" s="700" t="s">
        <v>244</v>
      </c>
      <c r="C38" s="499">
        <v>755</v>
      </c>
      <c r="D38" s="499">
        <v>915</v>
      </c>
      <c r="E38" s="505">
        <v>1015</v>
      </c>
      <c r="F38" s="505">
        <v>1115</v>
      </c>
      <c r="G38" s="505">
        <v>1215</v>
      </c>
      <c r="H38" s="505">
        <v>1315</v>
      </c>
      <c r="I38" s="505">
        <v>1415</v>
      </c>
      <c r="J38" s="505">
        <v>1515</v>
      </c>
      <c r="K38" s="505">
        <v>1615</v>
      </c>
      <c r="L38" s="505">
        <v>1715</v>
      </c>
      <c r="M38" s="506">
        <v>1815</v>
      </c>
      <c r="O38" s="733"/>
      <c r="P38" s="703" t="s">
        <v>243</v>
      </c>
      <c r="Q38" s="499">
        <v>814</v>
      </c>
      <c r="R38" s="500">
        <v>935</v>
      </c>
      <c r="S38" s="500">
        <v>1035</v>
      </c>
      <c r="T38" s="500">
        <v>1135</v>
      </c>
      <c r="U38" s="500">
        <v>1235</v>
      </c>
      <c r="V38" s="500">
        <v>1335</v>
      </c>
      <c r="W38" s="500">
        <v>1435</v>
      </c>
      <c r="X38" s="500">
        <v>1535</v>
      </c>
      <c r="Y38" s="500">
        <v>1635</v>
      </c>
      <c r="Z38" s="500">
        <v>1735</v>
      </c>
      <c r="AA38" s="506">
        <v>1835</v>
      </c>
    </row>
    <row r="39" spans="1:27" ht="14.25" customHeight="1" x14ac:dyDescent="0.15">
      <c r="A39" s="733"/>
      <c r="B39" s="700" t="s">
        <v>242</v>
      </c>
      <c r="C39" s="499">
        <v>756</v>
      </c>
      <c r="D39" s="499">
        <v>916</v>
      </c>
      <c r="E39" s="505">
        <v>1016</v>
      </c>
      <c r="F39" s="505">
        <v>1116</v>
      </c>
      <c r="G39" s="505">
        <v>1216</v>
      </c>
      <c r="H39" s="505">
        <v>1316</v>
      </c>
      <c r="I39" s="505">
        <v>1416</v>
      </c>
      <c r="J39" s="505">
        <v>1516</v>
      </c>
      <c r="K39" s="505">
        <v>1616</v>
      </c>
      <c r="L39" s="505">
        <v>1716</v>
      </c>
      <c r="M39" s="506">
        <v>1816</v>
      </c>
      <c r="O39" s="733"/>
      <c r="P39" s="703" t="s">
        <v>241</v>
      </c>
      <c r="Q39" s="499">
        <v>815</v>
      </c>
      <c r="R39" s="500">
        <v>936</v>
      </c>
      <c r="S39" s="500">
        <v>1036</v>
      </c>
      <c r="T39" s="500">
        <v>1136</v>
      </c>
      <c r="U39" s="500">
        <v>1236</v>
      </c>
      <c r="V39" s="500">
        <v>1336</v>
      </c>
      <c r="W39" s="500">
        <v>1436</v>
      </c>
      <c r="X39" s="500">
        <v>1536</v>
      </c>
      <c r="Y39" s="500">
        <v>1636</v>
      </c>
      <c r="Z39" s="500">
        <v>1736</v>
      </c>
      <c r="AA39" s="506">
        <v>1836</v>
      </c>
    </row>
    <row r="40" spans="1:27" ht="14.25" customHeight="1" x14ac:dyDescent="0.15">
      <c r="A40" s="733"/>
      <c r="B40" s="728" t="s">
        <v>239</v>
      </c>
      <c r="C40" s="729">
        <v>757</v>
      </c>
      <c r="D40" s="729">
        <v>917</v>
      </c>
      <c r="E40" s="726">
        <v>1017</v>
      </c>
      <c r="F40" s="726">
        <v>1117</v>
      </c>
      <c r="G40" s="726">
        <v>1217</v>
      </c>
      <c r="H40" s="726">
        <v>1317</v>
      </c>
      <c r="I40" s="726">
        <v>1417</v>
      </c>
      <c r="J40" s="726">
        <v>1517</v>
      </c>
      <c r="K40" s="726">
        <v>1617</v>
      </c>
      <c r="L40" s="726">
        <v>1717</v>
      </c>
      <c r="M40" s="727">
        <v>1817</v>
      </c>
      <c r="O40" s="733"/>
      <c r="P40" s="703" t="s">
        <v>267</v>
      </c>
      <c r="Q40" s="499">
        <v>815</v>
      </c>
      <c r="R40" s="500">
        <v>936</v>
      </c>
      <c r="S40" s="500">
        <v>1036</v>
      </c>
      <c r="T40" s="500">
        <v>1136</v>
      </c>
      <c r="U40" s="500">
        <v>1236</v>
      </c>
      <c r="V40" s="500">
        <v>1336</v>
      </c>
      <c r="W40" s="500">
        <v>1436</v>
      </c>
      <c r="X40" s="500">
        <v>1536</v>
      </c>
      <c r="Y40" s="500">
        <v>1636</v>
      </c>
      <c r="Z40" s="500">
        <v>1736</v>
      </c>
      <c r="AA40" s="506">
        <v>1836</v>
      </c>
    </row>
    <row r="41" spans="1:27" s="510" customFormat="1" ht="14.25" customHeight="1" x14ac:dyDescent="0.15">
      <c r="A41" s="733"/>
      <c r="B41" s="728"/>
      <c r="C41" s="729"/>
      <c r="D41" s="729"/>
      <c r="E41" s="726"/>
      <c r="F41" s="726"/>
      <c r="G41" s="726"/>
      <c r="H41" s="726"/>
      <c r="I41" s="726"/>
      <c r="J41" s="726"/>
      <c r="K41" s="726"/>
      <c r="L41" s="726"/>
      <c r="M41" s="727"/>
      <c r="O41" s="733"/>
      <c r="P41" s="703" t="s">
        <v>238</v>
      </c>
      <c r="Q41" s="499">
        <v>816</v>
      </c>
      <c r="R41" s="500">
        <v>937</v>
      </c>
      <c r="S41" s="500">
        <v>1037</v>
      </c>
      <c r="T41" s="500">
        <v>1137</v>
      </c>
      <c r="U41" s="500">
        <v>1237</v>
      </c>
      <c r="V41" s="500">
        <v>1337</v>
      </c>
      <c r="W41" s="500">
        <v>1437</v>
      </c>
      <c r="X41" s="500">
        <v>1537</v>
      </c>
      <c r="Y41" s="500">
        <v>1637</v>
      </c>
      <c r="Z41" s="500">
        <v>1737</v>
      </c>
      <c r="AA41" s="506">
        <v>1837</v>
      </c>
    </row>
    <row r="42" spans="1:27" s="510" customFormat="1" ht="14.25" customHeight="1" x14ac:dyDescent="0.15">
      <c r="A42" s="733"/>
      <c r="B42" s="700" t="s">
        <v>268</v>
      </c>
      <c r="C42" s="499" t="s">
        <v>21</v>
      </c>
      <c r="D42" s="499">
        <v>923</v>
      </c>
      <c r="E42" s="505">
        <v>1023</v>
      </c>
      <c r="F42" s="505">
        <v>1123</v>
      </c>
      <c r="G42" s="505">
        <v>1223</v>
      </c>
      <c r="H42" s="505">
        <v>1323</v>
      </c>
      <c r="I42" s="505">
        <v>1423</v>
      </c>
      <c r="J42" s="505">
        <v>1523</v>
      </c>
      <c r="K42" s="505">
        <v>1623</v>
      </c>
      <c r="L42" s="505">
        <v>1723</v>
      </c>
      <c r="M42" s="506">
        <v>1823</v>
      </c>
      <c r="O42" s="733"/>
      <c r="P42" s="703" t="s">
        <v>236</v>
      </c>
      <c r="Q42" s="499">
        <v>816</v>
      </c>
      <c r="R42" s="500">
        <v>937</v>
      </c>
      <c r="S42" s="500">
        <v>1037</v>
      </c>
      <c r="T42" s="500">
        <v>1137</v>
      </c>
      <c r="U42" s="500">
        <v>1237</v>
      </c>
      <c r="V42" s="500">
        <v>1337</v>
      </c>
      <c r="W42" s="500">
        <v>1437</v>
      </c>
      <c r="X42" s="500">
        <v>1537</v>
      </c>
      <c r="Y42" s="500">
        <v>1637</v>
      </c>
      <c r="Z42" s="500">
        <v>1737</v>
      </c>
      <c r="AA42" s="506">
        <v>1837</v>
      </c>
    </row>
    <row r="43" spans="1:27" ht="14.25" customHeight="1" x14ac:dyDescent="0.15">
      <c r="A43" s="733"/>
      <c r="B43" s="700" t="s">
        <v>269</v>
      </c>
      <c r="C43" s="499">
        <v>801</v>
      </c>
      <c r="D43" s="499">
        <v>923</v>
      </c>
      <c r="E43" s="505">
        <v>1023</v>
      </c>
      <c r="F43" s="505">
        <v>1123</v>
      </c>
      <c r="G43" s="505">
        <v>1223</v>
      </c>
      <c r="H43" s="505">
        <v>1323</v>
      </c>
      <c r="I43" s="505">
        <v>1423</v>
      </c>
      <c r="J43" s="505">
        <v>1523</v>
      </c>
      <c r="K43" s="505">
        <v>1623</v>
      </c>
      <c r="L43" s="505">
        <v>1723</v>
      </c>
      <c r="M43" s="506">
        <v>1823</v>
      </c>
      <c r="O43" s="733"/>
      <c r="P43" s="703" t="s">
        <v>235</v>
      </c>
      <c r="Q43" s="499">
        <v>816</v>
      </c>
      <c r="R43" s="500">
        <v>937</v>
      </c>
      <c r="S43" s="500">
        <v>1037</v>
      </c>
      <c r="T43" s="500">
        <v>1137</v>
      </c>
      <c r="U43" s="500">
        <v>1237</v>
      </c>
      <c r="V43" s="500">
        <v>1337</v>
      </c>
      <c r="W43" s="500">
        <v>1437</v>
      </c>
      <c r="X43" s="500">
        <v>1537</v>
      </c>
      <c r="Y43" s="500">
        <v>1637</v>
      </c>
      <c r="Z43" s="500">
        <v>1737</v>
      </c>
      <c r="AA43" s="506">
        <v>1837</v>
      </c>
    </row>
    <row r="44" spans="1:27" ht="14.25" customHeight="1" x14ac:dyDescent="0.15">
      <c r="A44" s="733"/>
      <c r="B44" s="725" t="s">
        <v>204</v>
      </c>
      <c r="C44" s="499">
        <v>803</v>
      </c>
      <c r="D44" s="499">
        <v>925</v>
      </c>
      <c r="E44" s="505">
        <v>1025</v>
      </c>
      <c r="F44" s="505">
        <v>1125</v>
      </c>
      <c r="G44" s="505">
        <v>1225</v>
      </c>
      <c r="H44" s="505">
        <v>1325</v>
      </c>
      <c r="I44" s="505">
        <v>1425</v>
      </c>
      <c r="J44" s="505">
        <v>1525</v>
      </c>
      <c r="K44" s="505">
        <v>1625</v>
      </c>
      <c r="L44" s="505">
        <v>1725</v>
      </c>
      <c r="M44" s="506">
        <v>1825</v>
      </c>
      <c r="O44" s="733"/>
      <c r="P44" s="703" t="s">
        <v>234</v>
      </c>
      <c r="Q44" s="499">
        <v>817</v>
      </c>
      <c r="R44" s="500">
        <v>938</v>
      </c>
      <c r="S44" s="500">
        <v>1038</v>
      </c>
      <c r="T44" s="500">
        <v>1138</v>
      </c>
      <c r="U44" s="500">
        <v>1238</v>
      </c>
      <c r="V44" s="500">
        <v>1338</v>
      </c>
      <c r="W44" s="500">
        <v>1438</v>
      </c>
      <c r="X44" s="500">
        <v>1538</v>
      </c>
      <c r="Y44" s="500">
        <v>1638</v>
      </c>
      <c r="Z44" s="500">
        <v>1738</v>
      </c>
      <c r="AA44" s="506">
        <v>1838</v>
      </c>
    </row>
    <row r="45" spans="1:27" ht="14.25" customHeight="1" x14ac:dyDescent="0.15">
      <c r="A45" s="733"/>
      <c r="B45" s="725"/>
      <c r="C45" s="499">
        <v>804</v>
      </c>
      <c r="D45" s="500">
        <v>930</v>
      </c>
      <c r="E45" s="505">
        <v>1030</v>
      </c>
      <c r="F45" s="505">
        <v>1130</v>
      </c>
      <c r="G45" s="505">
        <v>1230</v>
      </c>
      <c r="H45" s="505">
        <v>1330</v>
      </c>
      <c r="I45" s="505">
        <v>1430</v>
      </c>
      <c r="J45" s="505">
        <v>1530</v>
      </c>
      <c r="K45" s="505">
        <v>1630</v>
      </c>
      <c r="L45" s="505">
        <v>1730</v>
      </c>
      <c r="M45" s="506">
        <v>1830</v>
      </c>
      <c r="O45" s="733"/>
      <c r="P45" s="703" t="s">
        <v>233</v>
      </c>
      <c r="Q45" s="499">
        <v>817</v>
      </c>
      <c r="R45" s="500">
        <v>938</v>
      </c>
      <c r="S45" s="500">
        <v>1038</v>
      </c>
      <c r="T45" s="500">
        <v>1138</v>
      </c>
      <c r="U45" s="500">
        <v>1238</v>
      </c>
      <c r="V45" s="500">
        <v>1338</v>
      </c>
      <c r="W45" s="500">
        <v>1438</v>
      </c>
      <c r="X45" s="500">
        <v>1538</v>
      </c>
      <c r="Y45" s="500">
        <v>1638</v>
      </c>
      <c r="Z45" s="500">
        <v>1738</v>
      </c>
      <c r="AA45" s="506">
        <v>1838</v>
      </c>
    </row>
    <row r="46" spans="1:27" ht="14.25" customHeight="1" x14ac:dyDescent="0.15">
      <c r="A46" s="733"/>
      <c r="B46" s="700" t="s">
        <v>270</v>
      </c>
      <c r="C46" s="499" t="s">
        <v>21</v>
      </c>
      <c r="D46" s="500">
        <v>933</v>
      </c>
      <c r="E46" s="505">
        <v>1033</v>
      </c>
      <c r="F46" s="505">
        <v>1133</v>
      </c>
      <c r="G46" s="505">
        <v>1233</v>
      </c>
      <c r="H46" s="505">
        <v>1333</v>
      </c>
      <c r="I46" s="505">
        <v>1433</v>
      </c>
      <c r="J46" s="505">
        <v>1533</v>
      </c>
      <c r="K46" s="505">
        <v>1633</v>
      </c>
      <c r="L46" s="505">
        <v>1733</v>
      </c>
      <c r="M46" s="506">
        <v>1833</v>
      </c>
      <c r="O46" s="733"/>
      <c r="P46" s="703" t="s">
        <v>232</v>
      </c>
      <c r="Q46" s="499">
        <v>818</v>
      </c>
      <c r="R46" s="500">
        <v>939</v>
      </c>
      <c r="S46" s="500">
        <v>1039</v>
      </c>
      <c r="T46" s="500">
        <v>1139</v>
      </c>
      <c r="U46" s="500">
        <v>1239</v>
      </c>
      <c r="V46" s="500">
        <v>1339</v>
      </c>
      <c r="W46" s="500">
        <v>1439</v>
      </c>
      <c r="X46" s="500">
        <v>1539</v>
      </c>
      <c r="Y46" s="500">
        <v>1639</v>
      </c>
      <c r="Z46" s="500">
        <v>1739</v>
      </c>
      <c r="AA46" s="506">
        <v>1839</v>
      </c>
    </row>
    <row r="47" spans="1:27" ht="14.25" customHeight="1" x14ac:dyDescent="0.15">
      <c r="A47" s="733"/>
      <c r="B47" s="700" t="s">
        <v>109</v>
      </c>
      <c r="C47" s="499" t="s">
        <v>21</v>
      </c>
      <c r="D47" s="500">
        <v>935</v>
      </c>
      <c r="E47" s="505">
        <v>1035</v>
      </c>
      <c r="F47" s="505">
        <v>1135</v>
      </c>
      <c r="G47" s="505">
        <v>1235</v>
      </c>
      <c r="H47" s="505">
        <v>1335</v>
      </c>
      <c r="I47" s="505">
        <v>1435</v>
      </c>
      <c r="J47" s="505">
        <v>1535</v>
      </c>
      <c r="K47" s="505">
        <v>1635</v>
      </c>
      <c r="L47" s="505">
        <v>1735</v>
      </c>
      <c r="M47" s="506">
        <v>1835</v>
      </c>
      <c r="O47" s="733"/>
      <c r="P47" s="703" t="s">
        <v>231</v>
      </c>
      <c r="Q47" s="499">
        <v>818</v>
      </c>
      <c r="R47" s="500">
        <v>939</v>
      </c>
      <c r="S47" s="500">
        <v>1039</v>
      </c>
      <c r="T47" s="500">
        <v>1139</v>
      </c>
      <c r="U47" s="500">
        <v>1239</v>
      </c>
      <c r="V47" s="500">
        <v>1339</v>
      </c>
      <c r="W47" s="500">
        <v>1439</v>
      </c>
      <c r="X47" s="500">
        <v>1539</v>
      </c>
      <c r="Y47" s="500">
        <v>1639</v>
      </c>
      <c r="Z47" s="500">
        <v>1739</v>
      </c>
      <c r="AA47" s="506">
        <v>1839</v>
      </c>
    </row>
    <row r="48" spans="1:27" ht="14.25" customHeight="1" x14ac:dyDescent="0.15">
      <c r="A48" s="733"/>
      <c r="B48" s="700" t="s">
        <v>230</v>
      </c>
      <c r="C48" s="499" t="s">
        <v>21</v>
      </c>
      <c r="D48" s="500">
        <v>936</v>
      </c>
      <c r="E48" s="505">
        <v>1036</v>
      </c>
      <c r="F48" s="505">
        <v>1136</v>
      </c>
      <c r="G48" s="505">
        <v>1236</v>
      </c>
      <c r="H48" s="505">
        <v>1336</v>
      </c>
      <c r="I48" s="505">
        <v>1436</v>
      </c>
      <c r="J48" s="505">
        <v>1536</v>
      </c>
      <c r="K48" s="505">
        <v>1636</v>
      </c>
      <c r="L48" s="505">
        <v>1736</v>
      </c>
      <c r="M48" s="506">
        <v>1836</v>
      </c>
      <c r="O48" s="733"/>
      <c r="P48" s="703" t="s">
        <v>271</v>
      </c>
      <c r="Q48" s="499">
        <v>818</v>
      </c>
      <c r="R48" s="500">
        <v>939</v>
      </c>
      <c r="S48" s="500">
        <v>1039</v>
      </c>
      <c r="T48" s="500">
        <v>1139</v>
      </c>
      <c r="U48" s="500">
        <v>1239</v>
      </c>
      <c r="V48" s="500">
        <v>1339</v>
      </c>
      <c r="W48" s="500">
        <v>1439</v>
      </c>
      <c r="X48" s="500">
        <v>1539</v>
      </c>
      <c r="Y48" s="500">
        <v>1639</v>
      </c>
      <c r="Z48" s="500">
        <v>1739</v>
      </c>
      <c r="AA48" s="506">
        <v>1839</v>
      </c>
    </row>
    <row r="49" spans="1:27" ht="14.25" customHeight="1" thickBot="1" x14ac:dyDescent="0.2">
      <c r="A49" s="733"/>
      <c r="B49" s="700" t="s">
        <v>228</v>
      </c>
      <c r="C49" s="499" t="s">
        <v>21</v>
      </c>
      <c r="D49" s="500">
        <v>937</v>
      </c>
      <c r="E49" s="505">
        <v>1037</v>
      </c>
      <c r="F49" s="505">
        <v>1137</v>
      </c>
      <c r="G49" s="505">
        <v>1237</v>
      </c>
      <c r="H49" s="505">
        <v>1337</v>
      </c>
      <c r="I49" s="505">
        <v>1437</v>
      </c>
      <c r="J49" s="505">
        <v>1537</v>
      </c>
      <c r="K49" s="505">
        <v>1637</v>
      </c>
      <c r="L49" s="505">
        <v>1737</v>
      </c>
      <c r="M49" s="506">
        <v>1837</v>
      </c>
      <c r="O49" s="734"/>
      <c r="P49" s="704" t="s">
        <v>219</v>
      </c>
      <c r="Q49" s="511">
        <v>819</v>
      </c>
      <c r="R49" s="512">
        <v>940</v>
      </c>
      <c r="S49" s="512">
        <v>1040</v>
      </c>
      <c r="T49" s="512">
        <v>1140</v>
      </c>
      <c r="U49" s="512">
        <v>1240</v>
      </c>
      <c r="V49" s="512">
        <v>1340</v>
      </c>
      <c r="W49" s="512">
        <v>1440</v>
      </c>
      <c r="X49" s="512">
        <v>1540</v>
      </c>
      <c r="Y49" s="512">
        <v>1640</v>
      </c>
      <c r="Z49" s="512">
        <v>1740</v>
      </c>
      <c r="AA49" s="513">
        <v>1840</v>
      </c>
    </row>
    <row r="50" spans="1:27" ht="14.25" customHeight="1" x14ac:dyDescent="0.15">
      <c r="A50" s="733"/>
      <c r="B50" s="700" t="s">
        <v>103</v>
      </c>
      <c r="C50" s="499" t="s">
        <v>272</v>
      </c>
      <c r="D50" s="500">
        <v>938</v>
      </c>
      <c r="E50" s="505">
        <v>1038</v>
      </c>
      <c r="F50" s="505">
        <v>1138</v>
      </c>
      <c r="G50" s="505">
        <v>1238</v>
      </c>
      <c r="H50" s="505">
        <v>1338</v>
      </c>
      <c r="I50" s="505">
        <v>1438</v>
      </c>
      <c r="J50" s="505">
        <v>1538</v>
      </c>
      <c r="K50" s="505">
        <v>1638</v>
      </c>
      <c r="L50" s="505">
        <v>1738</v>
      </c>
      <c r="M50" s="506">
        <v>1838</v>
      </c>
      <c r="O50" s="514"/>
    </row>
    <row r="51" spans="1:27" ht="14.25" customHeight="1" x14ac:dyDescent="0.15">
      <c r="A51" s="733"/>
      <c r="B51" s="700" t="s">
        <v>225</v>
      </c>
      <c r="C51" s="499" t="s">
        <v>272</v>
      </c>
      <c r="D51" s="500">
        <v>939</v>
      </c>
      <c r="E51" s="505">
        <v>1039</v>
      </c>
      <c r="F51" s="505">
        <v>1139</v>
      </c>
      <c r="G51" s="505">
        <v>1239</v>
      </c>
      <c r="H51" s="505">
        <v>1339</v>
      </c>
      <c r="I51" s="505">
        <v>1439</v>
      </c>
      <c r="J51" s="505">
        <v>1539</v>
      </c>
      <c r="K51" s="505">
        <v>1639</v>
      </c>
      <c r="L51" s="505">
        <v>1739</v>
      </c>
      <c r="M51" s="506">
        <v>1839</v>
      </c>
    </row>
    <row r="52" spans="1:27" ht="14.25" customHeight="1" x14ac:dyDescent="0.15">
      <c r="A52" s="733"/>
      <c r="B52" s="700" t="s">
        <v>95</v>
      </c>
      <c r="C52" s="499">
        <v>811</v>
      </c>
      <c r="D52" s="500">
        <v>940</v>
      </c>
      <c r="E52" s="505">
        <v>1040</v>
      </c>
      <c r="F52" s="505">
        <v>1140</v>
      </c>
      <c r="G52" s="505">
        <v>1240</v>
      </c>
      <c r="H52" s="505">
        <v>1340</v>
      </c>
      <c r="I52" s="505">
        <v>1440</v>
      </c>
      <c r="J52" s="505">
        <v>1540</v>
      </c>
      <c r="K52" s="505">
        <v>1640</v>
      </c>
      <c r="L52" s="505">
        <v>1740</v>
      </c>
      <c r="M52" s="506">
        <v>1840</v>
      </c>
    </row>
    <row r="53" spans="1:27" ht="14.25" customHeight="1" x14ac:dyDescent="0.15">
      <c r="A53" s="733"/>
      <c r="B53" s="700" t="s">
        <v>46</v>
      </c>
      <c r="C53" s="499">
        <v>812</v>
      </c>
      <c r="D53" s="500">
        <v>941</v>
      </c>
      <c r="E53" s="505">
        <v>1041</v>
      </c>
      <c r="F53" s="505">
        <v>1141</v>
      </c>
      <c r="G53" s="505">
        <v>1241</v>
      </c>
      <c r="H53" s="505">
        <v>1341</v>
      </c>
      <c r="I53" s="505">
        <v>1441</v>
      </c>
      <c r="J53" s="505">
        <v>1541</v>
      </c>
      <c r="K53" s="505">
        <v>1641</v>
      </c>
      <c r="L53" s="505">
        <v>1741</v>
      </c>
      <c r="M53" s="506">
        <v>1841</v>
      </c>
    </row>
    <row r="54" spans="1:27" ht="14.25" customHeight="1" thickBot="1" x14ac:dyDescent="0.2">
      <c r="A54" s="734"/>
      <c r="B54" s="701" t="s">
        <v>220</v>
      </c>
      <c r="C54" s="511">
        <v>813</v>
      </c>
      <c r="D54" s="512">
        <v>942</v>
      </c>
      <c r="E54" s="515">
        <v>1042</v>
      </c>
      <c r="F54" s="515">
        <v>1142</v>
      </c>
      <c r="G54" s="515">
        <v>1242</v>
      </c>
      <c r="H54" s="515">
        <v>1342</v>
      </c>
      <c r="I54" s="515">
        <v>1442</v>
      </c>
      <c r="J54" s="515">
        <v>1542</v>
      </c>
      <c r="K54" s="515">
        <v>1642</v>
      </c>
      <c r="L54" s="515">
        <v>1742</v>
      </c>
      <c r="M54" s="513">
        <v>1842</v>
      </c>
    </row>
    <row r="55" spans="1:27" ht="14.25" customHeight="1" x14ac:dyDescent="0.15">
      <c r="A55" s="514"/>
      <c r="B55" s="516"/>
      <c r="C55" s="517"/>
      <c r="D55" s="517"/>
      <c r="E55" s="517"/>
      <c r="F55" s="517"/>
      <c r="G55" s="517"/>
      <c r="H55" s="517"/>
      <c r="I55" s="517"/>
      <c r="J55" s="517"/>
      <c r="K55" s="517"/>
      <c r="L55" s="517"/>
      <c r="M55" s="517"/>
      <c r="P55" s="516"/>
      <c r="Q55" s="516"/>
      <c r="R55" s="516"/>
      <c r="S55" s="516"/>
      <c r="T55" s="516"/>
      <c r="U55" s="516"/>
      <c r="V55" s="516"/>
      <c r="W55" s="516"/>
      <c r="X55" s="516"/>
      <c r="Y55" s="516"/>
      <c r="Z55" s="516"/>
      <c r="AA55" s="516"/>
    </row>
    <row r="56" spans="1:27" s="516" customFormat="1" ht="14.25" customHeight="1" x14ac:dyDescent="0.15">
      <c r="A56" s="518"/>
      <c r="B56" s="481"/>
      <c r="C56" s="481"/>
      <c r="D56" s="481"/>
      <c r="E56" s="481"/>
      <c r="F56" s="481"/>
      <c r="G56" s="481"/>
      <c r="H56" s="481"/>
      <c r="I56" s="481"/>
      <c r="J56" s="481"/>
      <c r="K56" s="481"/>
      <c r="L56" s="481"/>
      <c r="M56" s="481"/>
      <c r="P56" s="481"/>
      <c r="Q56" s="481"/>
      <c r="R56" s="481"/>
      <c r="S56" s="481"/>
      <c r="T56" s="481"/>
      <c r="U56" s="481"/>
      <c r="V56" s="481"/>
      <c r="W56" s="481"/>
      <c r="X56" s="481"/>
      <c r="Y56" s="481"/>
      <c r="Z56" s="481"/>
      <c r="AA56" s="481"/>
    </row>
    <row r="57" spans="1:27" s="481" customFormat="1" ht="14.25" customHeight="1" x14ac:dyDescent="0.15">
      <c r="B57" s="480"/>
      <c r="C57" s="483"/>
      <c r="D57" s="483"/>
      <c r="E57" s="483"/>
      <c r="F57" s="483"/>
      <c r="G57" s="483"/>
      <c r="H57" s="483"/>
      <c r="I57" s="483"/>
      <c r="J57" s="483"/>
      <c r="K57" s="483"/>
      <c r="L57" s="483"/>
      <c r="M57" s="483"/>
      <c r="P57" s="480"/>
      <c r="Q57" s="480"/>
      <c r="R57" s="480"/>
      <c r="S57" s="480"/>
      <c r="T57" s="480"/>
      <c r="U57" s="480"/>
      <c r="V57" s="480"/>
      <c r="W57" s="480"/>
      <c r="X57" s="480"/>
      <c r="Y57" s="480"/>
      <c r="Z57" s="480"/>
      <c r="AA57" s="480"/>
    </row>
    <row r="58" spans="1:27" ht="14.25" customHeight="1" x14ac:dyDescent="0.15"/>
    <row r="59" spans="1:27" ht="14.25" customHeight="1" x14ac:dyDescent="0.15"/>
    <row r="60" spans="1:27" ht="14.25" customHeight="1" x14ac:dyDescent="0.15"/>
    <row r="61" spans="1:27" ht="14.25" customHeight="1" x14ac:dyDescent="0.15"/>
    <row r="62" spans="1:27" ht="14.25" customHeight="1" x14ac:dyDescent="0.15"/>
    <row r="63" spans="1:27" ht="14.25" customHeight="1" x14ac:dyDescent="0.15"/>
    <row r="64" spans="1:27" ht="14.25" customHeight="1" x14ac:dyDescent="0.15"/>
    <row r="65" ht="14.25" customHeight="1" x14ac:dyDescent="0.15"/>
    <row r="66" ht="14.25" customHeight="1" x14ac:dyDescent="0.15"/>
    <row r="67" ht="14.25" customHeight="1" x14ac:dyDescent="0.15"/>
    <row r="68" ht="14.25" customHeight="1" x14ac:dyDescent="0.15"/>
    <row r="69" ht="14.25" customHeight="1" x14ac:dyDescent="0.15"/>
    <row r="70" ht="14.25" customHeight="1" x14ac:dyDescent="0.15"/>
    <row r="71" ht="14.25" customHeight="1" x14ac:dyDescent="0.15"/>
    <row r="72" ht="14.25" customHeight="1" x14ac:dyDescent="0.15"/>
    <row r="73" ht="14.25" customHeight="1" x14ac:dyDescent="0.15"/>
    <row r="74" ht="14.25" customHeight="1" x14ac:dyDescent="0.15"/>
    <row r="75" ht="14.25" customHeight="1" x14ac:dyDescent="0.15"/>
    <row r="76" ht="14.25" customHeight="1" x14ac:dyDescent="0.15"/>
    <row r="77" ht="14.25" customHeight="1" x14ac:dyDescent="0.15"/>
    <row r="78" ht="14.25" customHeight="1" x14ac:dyDescent="0.15"/>
    <row r="79" ht="14.25" customHeight="1" x14ac:dyDescent="0.15"/>
    <row r="80" ht="14.25" customHeight="1" x14ac:dyDescent="0.15"/>
    <row r="81" ht="14.25" customHeight="1" x14ac:dyDescent="0.15"/>
    <row r="82" ht="14.25" customHeight="1" x14ac:dyDescent="0.15"/>
    <row r="83" ht="14.25" customHeight="1" x14ac:dyDescent="0.15"/>
    <row r="84" ht="14.25" customHeight="1" x14ac:dyDescent="0.15"/>
    <row r="85" ht="14.25" customHeight="1" x14ac:dyDescent="0.15"/>
    <row r="86" ht="14.25" customHeight="1" x14ac:dyDescent="0.15"/>
    <row r="87" ht="14.25" customHeight="1" x14ac:dyDescent="0.15"/>
    <row r="88" ht="14.25" customHeight="1" x14ac:dyDescent="0.15"/>
    <row r="89" ht="14.25" customHeight="1" x14ac:dyDescent="0.15"/>
    <row r="90" ht="14.25" customHeight="1" x14ac:dyDescent="0.15"/>
    <row r="91" ht="14.25" customHeight="1" x14ac:dyDescent="0.15"/>
    <row r="92" ht="14.25" customHeight="1" x14ac:dyDescent="0.15"/>
    <row r="93" ht="14.25" customHeight="1" x14ac:dyDescent="0.15"/>
    <row r="94" ht="14.25" customHeight="1" x14ac:dyDescent="0.15"/>
    <row r="95" ht="14.25" customHeight="1" x14ac:dyDescent="0.15"/>
    <row r="96" ht="14.25" customHeight="1" x14ac:dyDescent="0.15"/>
    <row r="97" spans="1:1" ht="14.25" customHeight="1" x14ac:dyDescent="0.15"/>
    <row r="98" spans="1:1" ht="14.25" customHeight="1" x14ac:dyDescent="0.15"/>
    <row r="99" spans="1:1" ht="14.25" customHeight="1" x14ac:dyDescent="0.15"/>
    <row r="100" spans="1:1" ht="14.25" customHeight="1" x14ac:dyDescent="0.15"/>
    <row r="101" spans="1:1" ht="14.25" customHeight="1" x14ac:dyDescent="0.15"/>
    <row r="102" spans="1:1" ht="14.25" customHeight="1" x14ac:dyDescent="0.15"/>
    <row r="103" spans="1:1" ht="14.25" customHeight="1" x14ac:dyDescent="0.15"/>
    <row r="104" spans="1:1" x14ac:dyDescent="0.15">
      <c r="A104" s="514"/>
    </row>
    <row r="105" spans="1:1" x14ac:dyDescent="0.15">
      <c r="A105" s="514"/>
    </row>
    <row r="106" spans="1:1" x14ac:dyDescent="0.15">
      <c r="A106" s="514"/>
    </row>
    <row r="107" spans="1:1" x14ac:dyDescent="0.15">
      <c r="A107" s="514"/>
    </row>
    <row r="108" spans="1:1" x14ac:dyDescent="0.15">
      <c r="A108" s="514"/>
    </row>
    <row r="109" spans="1:1" x14ac:dyDescent="0.15">
      <c r="A109" s="514"/>
    </row>
  </sheetData>
  <mergeCells count="29">
    <mergeCell ref="AA17:AA18"/>
    <mergeCell ref="B1:AA1"/>
    <mergeCell ref="A3:A54"/>
    <mergeCell ref="O3:O49"/>
    <mergeCell ref="P13:P14"/>
    <mergeCell ref="P17:P18"/>
    <mergeCell ref="Q17:Q18"/>
    <mergeCell ref="R17:R18"/>
    <mergeCell ref="S17:S18"/>
    <mergeCell ref="T17:T18"/>
    <mergeCell ref="U17:U18"/>
    <mergeCell ref="V17:V18"/>
    <mergeCell ref="W17:W18"/>
    <mergeCell ref="X17:X18"/>
    <mergeCell ref="Y17:Y18"/>
    <mergeCell ref="Z17:Z18"/>
    <mergeCell ref="L40:L41"/>
    <mergeCell ref="M40:M41"/>
    <mergeCell ref="B40:B41"/>
    <mergeCell ref="C40:C41"/>
    <mergeCell ref="D40:D41"/>
    <mergeCell ref="E40:E41"/>
    <mergeCell ref="F40:F41"/>
    <mergeCell ref="G40:G41"/>
    <mergeCell ref="B44:B45"/>
    <mergeCell ref="H40:H41"/>
    <mergeCell ref="I40:I41"/>
    <mergeCell ref="J40:J41"/>
    <mergeCell ref="K40:K41"/>
  </mergeCells>
  <phoneticPr fontId="3"/>
  <pageMargins left="0.31496062992125984" right="0.31496062992125984" top="0.15748031496062992" bottom="0.15748031496062992" header="0.31496062992125984" footer="0.31496062992125984"/>
  <pageSetup paperSize="9" scale="75" fitToHeight="0" orientation="landscape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144"/>
  <sheetViews>
    <sheetView view="pageBreakPreview" zoomScale="60" zoomScaleNormal="100" workbookViewId="0">
      <selection activeCell="G4" sqref="G4"/>
    </sheetView>
  </sheetViews>
  <sheetFormatPr defaultColWidth="30.125" defaultRowHeight="13.5" x14ac:dyDescent="0.15"/>
  <cols>
    <col min="1" max="1" width="4.125" style="2" customWidth="1"/>
    <col min="2" max="2" width="24.625" style="2" customWidth="1"/>
    <col min="3" max="3" width="9.125" style="2" hidden="1" customWidth="1"/>
    <col min="4" max="4" width="8.625" style="2" customWidth="1"/>
    <col min="5" max="5" width="8.625" style="3" customWidth="1"/>
    <col min="6" max="6" width="8.625" style="2" customWidth="1"/>
    <col min="7" max="7" width="8.625" style="3" customWidth="1"/>
    <col min="8" max="8" width="8.625" style="2" customWidth="1"/>
    <col min="9" max="9" width="8.625" style="3" customWidth="1"/>
    <col min="10" max="10" width="8.625" style="2" customWidth="1"/>
    <col min="11" max="11" width="8.625" style="3" customWidth="1"/>
    <col min="12" max="12" width="8.625" style="2" customWidth="1"/>
    <col min="13" max="13" width="8.625" style="3" customWidth="1"/>
    <col min="14" max="14" width="3.625" style="2" customWidth="1"/>
    <col min="15" max="15" width="4.125" style="2" customWidth="1"/>
    <col min="16" max="16" width="24.625" style="2" customWidth="1"/>
    <col min="17" max="17" width="8.625" style="2" customWidth="1"/>
    <col min="18" max="18" width="8.625" style="3" customWidth="1"/>
    <col min="19" max="19" width="8.625" style="185" customWidth="1"/>
    <col min="20" max="25" width="8.625" style="3" customWidth="1"/>
    <col min="26" max="26" width="8.625" style="2" customWidth="1"/>
    <col min="27" max="27" width="7.625" style="3" customWidth="1"/>
    <col min="28" max="16384" width="30.125" style="2"/>
  </cols>
  <sheetData>
    <row r="1" spans="1:27" ht="24.95" customHeight="1" x14ac:dyDescent="0.15">
      <c r="A1" s="131"/>
      <c r="B1" s="739" t="s">
        <v>273</v>
      </c>
      <c r="C1" s="740"/>
      <c r="D1" s="740"/>
      <c r="E1" s="740"/>
      <c r="F1" s="740"/>
      <c r="G1" s="740"/>
      <c r="H1" s="740"/>
      <c r="I1" s="740"/>
      <c r="J1" s="740"/>
      <c r="K1" s="740"/>
      <c r="L1" s="740"/>
      <c r="M1" s="740"/>
      <c r="N1" s="740"/>
      <c r="O1" s="740"/>
      <c r="P1" s="740"/>
      <c r="Q1" s="740"/>
      <c r="R1" s="740"/>
      <c r="S1" s="740"/>
      <c r="T1" s="740"/>
      <c r="U1" s="740"/>
      <c r="V1" s="740"/>
      <c r="W1" s="740"/>
      <c r="X1" s="740"/>
      <c r="Y1" s="740"/>
      <c r="Z1" s="740"/>
    </row>
    <row r="2" spans="1:27" ht="14.25" thickBot="1" x14ac:dyDescent="0.2">
      <c r="A2" s="3"/>
      <c r="B2" s="3"/>
      <c r="C2" s="3"/>
      <c r="D2" s="132"/>
      <c r="E2" s="132"/>
      <c r="F2" s="132"/>
      <c r="G2" s="132"/>
      <c r="H2" s="132"/>
      <c r="I2" s="132"/>
      <c r="J2" s="132"/>
      <c r="K2" s="132"/>
      <c r="L2" s="132"/>
      <c r="M2" s="132"/>
      <c r="N2" s="3"/>
      <c r="O2" s="3"/>
      <c r="P2" s="3"/>
      <c r="Q2" s="3"/>
      <c r="S2" s="3"/>
      <c r="Z2" s="3"/>
    </row>
    <row r="3" spans="1:27" ht="18.95" customHeight="1" thickBot="1" x14ac:dyDescent="0.2">
      <c r="A3" s="741" t="s">
        <v>274</v>
      </c>
      <c r="B3" s="133" t="s">
        <v>1</v>
      </c>
      <c r="C3" s="134"/>
      <c r="D3" s="135" t="s">
        <v>2</v>
      </c>
      <c r="E3" s="136" t="s">
        <v>3</v>
      </c>
      <c r="F3" s="137" t="s">
        <v>4</v>
      </c>
      <c r="G3" s="138" t="s">
        <v>5</v>
      </c>
      <c r="H3" s="137" t="s">
        <v>6</v>
      </c>
      <c r="I3" s="138" t="s">
        <v>7</v>
      </c>
      <c r="J3" s="137" t="s">
        <v>8</v>
      </c>
      <c r="K3" s="138" t="s">
        <v>9</v>
      </c>
      <c r="L3" s="137" t="s">
        <v>10</v>
      </c>
      <c r="M3" s="139" t="s">
        <v>11</v>
      </c>
      <c r="N3" s="3"/>
      <c r="O3" s="745" t="s">
        <v>275</v>
      </c>
      <c r="P3" s="140" t="s">
        <v>1</v>
      </c>
      <c r="Q3" s="137" t="s">
        <v>2</v>
      </c>
      <c r="R3" s="138" t="s">
        <v>3</v>
      </c>
      <c r="S3" s="137" t="s">
        <v>4</v>
      </c>
      <c r="T3" s="138" t="s">
        <v>5</v>
      </c>
      <c r="U3" s="137" t="s">
        <v>6</v>
      </c>
      <c r="V3" s="138" t="s">
        <v>7</v>
      </c>
      <c r="W3" s="137" t="s">
        <v>8</v>
      </c>
      <c r="X3" s="138" t="s">
        <v>9</v>
      </c>
      <c r="Y3" s="137" t="s">
        <v>10</v>
      </c>
      <c r="Z3" s="139" t="s">
        <v>11</v>
      </c>
      <c r="AA3" s="114"/>
    </row>
    <row r="4" spans="1:27" ht="18.95" customHeight="1" thickTop="1" x14ac:dyDescent="0.15">
      <c r="A4" s="742"/>
      <c r="B4" s="141" t="s">
        <v>219</v>
      </c>
      <c r="C4" s="142"/>
      <c r="D4" s="143">
        <v>0.30763888888888891</v>
      </c>
      <c r="E4" s="144">
        <v>0.34583333333333338</v>
      </c>
      <c r="F4" s="143">
        <v>0.38611111111111113</v>
      </c>
      <c r="G4" s="144">
        <v>0.4291666666666667</v>
      </c>
      <c r="H4" s="143">
        <v>0.4694444444444445</v>
      </c>
      <c r="I4" s="144">
        <v>0.51250000000000007</v>
      </c>
      <c r="J4" s="143">
        <v>0.55277777777777781</v>
      </c>
      <c r="K4" s="144">
        <v>0.59583333333333333</v>
      </c>
      <c r="L4" s="143">
        <v>0.63611111111111118</v>
      </c>
      <c r="M4" s="145">
        <v>0.6791666666666667</v>
      </c>
      <c r="N4" s="3"/>
      <c r="O4" s="746"/>
      <c r="P4" s="146" t="s">
        <v>276</v>
      </c>
      <c r="Q4" s="143">
        <v>0.34583333333333338</v>
      </c>
      <c r="R4" s="144">
        <v>0.38750000000000001</v>
      </c>
      <c r="S4" s="143">
        <v>0.42916666666666697</v>
      </c>
      <c r="T4" s="144">
        <v>0.47083333333333299</v>
      </c>
      <c r="U4" s="143">
        <v>0.51249999999999996</v>
      </c>
      <c r="V4" s="144">
        <v>0.55416666666666703</v>
      </c>
      <c r="W4" s="143">
        <v>0.59583333333333299</v>
      </c>
      <c r="X4" s="144">
        <v>0.63749999999999996</v>
      </c>
      <c r="Y4" s="143">
        <v>0.67916666666666703</v>
      </c>
      <c r="Z4" s="145">
        <v>0.72083333333333299</v>
      </c>
      <c r="AA4" s="115"/>
    </row>
    <row r="5" spans="1:27" ht="18.95" customHeight="1" x14ac:dyDescent="0.15">
      <c r="A5" s="742"/>
      <c r="B5" s="103" t="s">
        <v>277</v>
      </c>
      <c r="C5" s="147"/>
      <c r="D5" s="55">
        <v>0.30833333333333335</v>
      </c>
      <c r="E5" s="148">
        <v>0.34652777777777777</v>
      </c>
      <c r="F5" s="55">
        <v>0.38680555555555557</v>
      </c>
      <c r="G5" s="148">
        <v>0.42986111111111103</v>
      </c>
      <c r="H5" s="55">
        <v>0.47013888888888888</v>
      </c>
      <c r="I5" s="148">
        <v>0.51319444444444395</v>
      </c>
      <c r="J5" s="55">
        <v>0.55347222222222225</v>
      </c>
      <c r="K5" s="148">
        <v>0.59652777777777799</v>
      </c>
      <c r="L5" s="55">
        <v>0.63680555555555551</v>
      </c>
      <c r="M5" s="149">
        <v>0.67986111111111103</v>
      </c>
      <c r="N5" s="3"/>
      <c r="O5" s="746"/>
      <c r="P5" s="150" t="s">
        <v>278</v>
      </c>
      <c r="Q5" s="55">
        <v>0.34722222222222227</v>
      </c>
      <c r="R5" s="148">
        <v>0.3888888888888889</v>
      </c>
      <c r="S5" s="55">
        <v>0.43055555555555602</v>
      </c>
      <c r="T5" s="148">
        <v>0.47222222222222199</v>
      </c>
      <c r="U5" s="55">
        <v>0.51388888888888895</v>
      </c>
      <c r="V5" s="148">
        <v>0.55555555555555602</v>
      </c>
      <c r="W5" s="55">
        <v>0.59722222222222199</v>
      </c>
      <c r="X5" s="148">
        <v>0.63888888888888895</v>
      </c>
      <c r="Y5" s="55">
        <v>0.68055555555555602</v>
      </c>
      <c r="Z5" s="149">
        <v>0.72222222222222199</v>
      </c>
      <c r="AA5" s="115"/>
    </row>
    <row r="6" spans="1:27" ht="18.95" customHeight="1" x14ac:dyDescent="0.15">
      <c r="A6" s="742"/>
      <c r="B6" s="103" t="s">
        <v>279</v>
      </c>
      <c r="C6" s="147"/>
      <c r="D6" s="55" t="s">
        <v>19</v>
      </c>
      <c r="E6" s="148">
        <v>0.34722222222222227</v>
      </c>
      <c r="F6" s="55" t="s">
        <v>19</v>
      </c>
      <c r="G6" s="148">
        <v>0.43055555555555602</v>
      </c>
      <c r="H6" s="55" t="s">
        <v>19</v>
      </c>
      <c r="I6" s="148">
        <v>0.51388888888888895</v>
      </c>
      <c r="J6" s="55" t="s">
        <v>19</v>
      </c>
      <c r="K6" s="148">
        <v>0.59722222222222199</v>
      </c>
      <c r="L6" s="55" t="s">
        <v>19</v>
      </c>
      <c r="M6" s="149">
        <v>0.68055555555555602</v>
      </c>
      <c r="N6" s="3"/>
      <c r="O6" s="746"/>
      <c r="P6" s="151" t="s">
        <v>280</v>
      </c>
      <c r="Q6" s="55">
        <v>0.34791666666666665</v>
      </c>
      <c r="R6" s="148">
        <v>0.38958333333333334</v>
      </c>
      <c r="S6" s="55">
        <v>0.43125000000000002</v>
      </c>
      <c r="T6" s="148">
        <v>0.47291666666666698</v>
      </c>
      <c r="U6" s="55">
        <v>0.51458333333333295</v>
      </c>
      <c r="V6" s="148">
        <v>0.55625000000000002</v>
      </c>
      <c r="W6" s="55">
        <v>0.59791666666666698</v>
      </c>
      <c r="X6" s="148">
        <v>0.63958333333333295</v>
      </c>
      <c r="Y6" s="55">
        <v>0.68125000000000002</v>
      </c>
      <c r="Z6" s="149">
        <v>0.72291666666666698</v>
      </c>
      <c r="AA6" s="115"/>
    </row>
    <row r="7" spans="1:27" ht="18.95" customHeight="1" x14ac:dyDescent="0.15">
      <c r="A7" s="742"/>
      <c r="B7" s="38" t="s">
        <v>281</v>
      </c>
      <c r="C7" s="147"/>
      <c r="D7" s="55">
        <v>0.30902777777777779</v>
      </c>
      <c r="E7" s="148" t="s">
        <v>19</v>
      </c>
      <c r="F7" s="55">
        <v>0.38750000000000001</v>
      </c>
      <c r="G7" s="148" t="s">
        <v>19</v>
      </c>
      <c r="H7" s="55">
        <v>0.47083333333333338</v>
      </c>
      <c r="I7" s="148" t="s">
        <v>19</v>
      </c>
      <c r="J7" s="55">
        <v>0.5541666666666667</v>
      </c>
      <c r="K7" s="148" t="s">
        <v>19</v>
      </c>
      <c r="L7" s="55">
        <v>0.63750000000000007</v>
      </c>
      <c r="M7" s="149" t="s">
        <v>19</v>
      </c>
      <c r="N7" s="3"/>
      <c r="O7" s="746"/>
      <c r="P7" s="152" t="s">
        <v>282</v>
      </c>
      <c r="Q7" s="55">
        <v>0.34861111111111115</v>
      </c>
      <c r="R7" s="148">
        <v>0.39027777777777778</v>
      </c>
      <c r="S7" s="55">
        <v>0.43194444444444402</v>
      </c>
      <c r="T7" s="148">
        <v>0.47361111111111098</v>
      </c>
      <c r="U7" s="55">
        <v>0.51527777777777795</v>
      </c>
      <c r="V7" s="148">
        <v>0.55694444444444402</v>
      </c>
      <c r="W7" s="55">
        <v>0.59861111111111098</v>
      </c>
      <c r="X7" s="148">
        <v>0.64027777777777795</v>
      </c>
      <c r="Y7" s="55">
        <v>0.68194444444444402</v>
      </c>
      <c r="Z7" s="149">
        <v>0.72361111111111098</v>
      </c>
      <c r="AA7" s="115"/>
    </row>
    <row r="8" spans="1:27" ht="18.95" customHeight="1" x14ac:dyDescent="0.15">
      <c r="A8" s="742"/>
      <c r="B8" s="103" t="s">
        <v>283</v>
      </c>
      <c r="C8" s="147"/>
      <c r="D8" s="55" t="s">
        <v>19</v>
      </c>
      <c r="E8" s="148">
        <v>0.34791666666666665</v>
      </c>
      <c r="F8" s="55" t="s">
        <v>19</v>
      </c>
      <c r="G8" s="148">
        <v>0.43125000000000002</v>
      </c>
      <c r="H8" s="55" t="s">
        <v>19</v>
      </c>
      <c r="I8" s="148">
        <v>0.51458333333333295</v>
      </c>
      <c r="J8" s="55" t="s">
        <v>19</v>
      </c>
      <c r="K8" s="148">
        <v>0.59791666666666698</v>
      </c>
      <c r="L8" s="55" t="s">
        <v>19</v>
      </c>
      <c r="M8" s="149">
        <v>0.68125000000000002</v>
      </c>
      <c r="N8" s="3"/>
      <c r="O8" s="746"/>
      <c r="P8" s="146" t="s">
        <v>91</v>
      </c>
      <c r="Q8" s="55">
        <v>0.35069444444444442</v>
      </c>
      <c r="R8" s="148">
        <v>0.3923611111111111</v>
      </c>
      <c r="S8" s="52">
        <v>0.43402777777777801</v>
      </c>
      <c r="T8" s="148">
        <v>0.47569444444444442</v>
      </c>
      <c r="U8" s="52">
        <v>0.51736111111111105</v>
      </c>
      <c r="V8" s="148">
        <v>0.55902777777777779</v>
      </c>
      <c r="W8" s="52">
        <v>0.60069444444444398</v>
      </c>
      <c r="X8" s="148">
        <v>0.64236111111111105</v>
      </c>
      <c r="Y8" s="52">
        <v>0.68402777777777801</v>
      </c>
      <c r="Z8" s="149">
        <v>0.72569444444444453</v>
      </c>
      <c r="AA8" s="115"/>
    </row>
    <row r="9" spans="1:27" ht="18.95" customHeight="1" x14ac:dyDescent="0.15">
      <c r="A9" s="742"/>
      <c r="B9" s="103" t="s">
        <v>233</v>
      </c>
      <c r="C9" s="153"/>
      <c r="D9" s="55" t="s">
        <v>19</v>
      </c>
      <c r="E9" s="148">
        <v>0.34791666666666665</v>
      </c>
      <c r="F9" s="55" t="s">
        <v>19</v>
      </c>
      <c r="G9" s="148">
        <v>0.43125000000000002</v>
      </c>
      <c r="H9" s="55" t="s">
        <v>19</v>
      </c>
      <c r="I9" s="148">
        <v>0.51458333333333295</v>
      </c>
      <c r="J9" s="55" t="s">
        <v>19</v>
      </c>
      <c r="K9" s="148">
        <v>0.59791666666666698</v>
      </c>
      <c r="L9" s="55" t="s">
        <v>19</v>
      </c>
      <c r="M9" s="149">
        <v>0.68125000000000002</v>
      </c>
      <c r="N9" s="3"/>
      <c r="O9" s="746"/>
      <c r="P9" s="150" t="s">
        <v>284</v>
      </c>
      <c r="Q9" s="52">
        <v>0.35138888888888892</v>
      </c>
      <c r="R9" s="154">
        <v>0.39305555555555555</v>
      </c>
      <c r="S9" s="55">
        <v>0.43472222222222201</v>
      </c>
      <c r="T9" s="154">
        <v>0.47638888888888897</v>
      </c>
      <c r="U9" s="55">
        <v>0.51805555555555605</v>
      </c>
      <c r="V9" s="154">
        <v>0.55972222222222201</v>
      </c>
      <c r="W9" s="55">
        <v>0.60138888888888897</v>
      </c>
      <c r="X9" s="154">
        <v>0.64305555555555505</v>
      </c>
      <c r="Y9" s="55">
        <v>0.68472222222222201</v>
      </c>
      <c r="Z9" s="149">
        <v>0.72638888888888897</v>
      </c>
      <c r="AA9" s="155"/>
    </row>
    <row r="10" spans="1:27" ht="18.95" customHeight="1" x14ac:dyDescent="0.15">
      <c r="A10" s="742"/>
      <c r="B10" s="103" t="s">
        <v>234</v>
      </c>
      <c r="C10" s="153"/>
      <c r="D10" s="55" t="s">
        <v>19</v>
      </c>
      <c r="E10" s="148">
        <v>0.34861111111111115</v>
      </c>
      <c r="F10" s="55" t="s">
        <v>19</v>
      </c>
      <c r="G10" s="148">
        <v>0.43194444444444402</v>
      </c>
      <c r="H10" s="55" t="s">
        <v>19</v>
      </c>
      <c r="I10" s="148">
        <v>0.51527777777777795</v>
      </c>
      <c r="J10" s="55" t="s">
        <v>19</v>
      </c>
      <c r="K10" s="148">
        <v>0.59861111111111098</v>
      </c>
      <c r="L10" s="55" t="s">
        <v>19</v>
      </c>
      <c r="M10" s="149">
        <v>0.68194444444444402</v>
      </c>
      <c r="N10" s="3"/>
      <c r="O10" s="746"/>
      <c r="P10" s="150" t="s">
        <v>285</v>
      </c>
      <c r="Q10" s="55">
        <v>0.3520833333333333</v>
      </c>
      <c r="R10" s="148">
        <v>0.39374999999999999</v>
      </c>
      <c r="S10" s="55">
        <v>0.43541666666666701</v>
      </c>
      <c r="T10" s="148">
        <v>0.47708333333333303</v>
      </c>
      <c r="U10" s="55">
        <v>0.51875000000000004</v>
      </c>
      <c r="V10" s="148">
        <v>0.56041666666666701</v>
      </c>
      <c r="W10" s="55">
        <v>0.60208333333333297</v>
      </c>
      <c r="X10" s="148">
        <v>0.64375000000000004</v>
      </c>
      <c r="Y10" s="55">
        <v>0.68541666666666701</v>
      </c>
      <c r="Z10" s="149">
        <v>0.72708333333333297</v>
      </c>
      <c r="AA10" s="115"/>
    </row>
    <row r="11" spans="1:27" ht="18.95" customHeight="1" x14ac:dyDescent="0.15">
      <c r="A11" s="742"/>
      <c r="B11" s="103" t="s">
        <v>235</v>
      </c>
      <c r="C11" s="153"/>
      <c r="D11" s="55" t="s">
        <v>19</v>
      </c>
      <c r="E11" s="148">
        <v>0.34930555555555554</v>
      </c>
      <c r="F11" s="55" t="s">
        <v>19</v>
      </c>
      <c r="G11" s="148">
        <v>0.43263888888888902</v>
      </c>
      <c r="H11" s="55" t="s">
        <v>19</v>
      </c>
      <c r="I11" s="148">
        <v>0.51597222222222205</v>
      </c>
      <c r="J11" s="55" t="s">
        <v>19</v>
      </c>
      <c r="K11" s="148">
        <v>0.59930555555555598</v>
      </c>
      <c r="L11" s="55" t="s">
        <v>19</v>
      </c>
      <c r="M11" s="149">
        <v>0.68263888888888902</v>
      </c>
      <c r="N11" s="3"/>
      <c r="O11" s="746"/>
      <c r="P11" s="150" t="s">
        <v>286</v>
      </c>
      <c r="Q11" s="55">
        <v>0.3527777777777778</v>
      </c>
      <c r="R11" s="148" t="s">
        <v>19</v>
      </c>
      <c r="S11" s="52">
        <v>0.43611111111111101</v>
      </c>
      <c r="T11" s="148" t="s">
        <v>19</v>
      </c>
      <c r="U11" s="52">
        <v>0.51944444444444404</v>
      </c>
      <c r="V11" s="148" t="s">
        <v>19</v>
      </c>
      <c r="W11" s="52">
        <v>0.60277777777777797</v>
      </c>
      <c r="X11" s="148" t="s">
        <v>19</v>
      </c>
      <c r="Y11" s="52">
        <v>0.68611111111111101</v>
      </c>
      <c r="Z11" s="149" t="s">
        <v>19</v>
      </c>
      <c r="AA11" s="115"/>
    </row>
    <row r="12" spans="1:27" ht="18.95" customHeight="1" x14ac:dyDescent="0.15">
      <c r="A12" s="742"/>
      <c r="B12" s="103" t="s">
        <v>287</v>
      </c>
      <c r="C12" s="153"/>
      <c r="D12" s="55">
        <v>0.31111111111111112</v>
      </c>
      <c r="E12" s="148">
        <v>0.35000000000000003</v>
      </c>
      <c r="F12" s="55">
        <v>0.38958333333333334</v>
      </c>
      <c r="G12" s="148">
        <v>0.43333333333333302</v>
      </c>
      <c r="H12" s="55">
        <v>0.47291666666666665</v>
      </c>
      <c r="I12" s="148">
        <v>0.51666666666666705</v>
      </c>
      <c r="J12" s="55">
        <v>0.55625000000000002</v>
      </c>
      <c r="K12" s="148">
        <v>0.6</v>
      </c>
      <c r="L12" s="55">
        <v>0.63958333333333328</v>
      </c>
      <c r="M12" s="149">
        <v>0.68333333333333302</v>
      </c>
      <c r="N12" s="3"/>
      <c r="O12" s="746"/>
      <c r="P12" s="150" t="s">
        <v>288</v>
      </c>
      <c r="Q12" s="55">
        <v>0.35347222222222219</v>
      </c>
      <c r="R12" s="148" t="s">
        <v>19</v>
      </c>
      <c r="S12" s="52">
        <v>0.436805555555556</v>
      </c>
      <c r="T12" s="148" t="s">
        <v>19</v>
      </c>
      <c r="U12" s="52">
        <v>0.52013888888888904</v>
      </c>
      <c r="V12" s="148" t="s">
        <v>19</v>
      </c>
      <c r="W12" s="52">
        <v>0.60347222222222197</v>
      </c>
      <c r="X12" s="148" t="s">
        <v>19</v>
      </c>
      <c r="Y12" s="52">
        <v>0.686805555555555</v>
      </c>
      <c r="Z12" s="149" t="s">
        <v>19</v>
      </c>
      <c r="AA12" s="115"/>
    </row>
    <row r="13" spans="1:27" ht="18.95" customHeight="1" x14ac:dyDescent="0.15">
      <c r="A13" s="742"/>
      <c r="B13" s="109" t="s">
        <v>289</v>
      </c>
      <c r="C13" s="153"/>
      <c r="D13" s="55">
        <v>0.31180555555555556</v>
      </c>
      <c r="E13" s="148">
        <v>0.35069444444444442</v>
      </c>
      <c r="F13" s="55">
        <v>0.39027777777777778</v>
      </c>
      <c r="G13" s="148">
        <v>0.43402777777777801</v>
      </c>
      <c r="H13" s="55">
        <v>0.47361111111111115</v>
      </c>
      <c r="I13" s="148">
        <v>0.51736111111111105</v>
      </c>
      <c r="J13" s="55">
        <v>0.55694444444444446</v>
      </c>
      <c r="K13" s="148">
        <v>0.60069444444444398</v>
      </c>
      <c r="L13" s="55">
        <v>0.64027777777777783</v>
      </c>
      <c r="M13" s="149">
        <v>0.68402777777777801</v>
      </c>
      <c r="N13" s="3"/>
      <c r="O13" s="746"/>
      <c r="P13" s="150" t="s">
        <v>290</v>
      </c>
      <c r="Q13" s="55">
        <v>0.35416666666666669</v>
      </c>
      <c r="R13" s="148" t="s">
        <v>19</v>
      </c>
      <c r="S13" s="52">
        <v>0.4375</v>
      </c>
      <c r="T13" s="148" t="s">
        <v>19</v>
      </c>
      <c r="U13" s="52">
        <v>0.52083333333333304</v>
      </c>
      <c r="V13" s="148" t="s">
        <v>19</v>
      </c>
      <c r="W13" s="52">
        <v>0.60416666666666696</v>
      </c>
      <c r="X13" s="148" t="s">
        <v>19</v>
      </c>
      <c r="Y13" s="52">
        <v>0.6875</v>
      </c>
      <c r="Z13" s="149" t="s">
        <v>19</v>
      </c>
      <c r="AA13" s="115"/>
    </row>
    <row r="14" spans="1:27" ht="18.95" customHeight="1" x14ac:dyDescent="0.15">
      <c r="A14" s="742"/>
      <c r="B14" s="156" t="s">
        <v>291</v>
      </c>
      <c r="C14" s="157"/>
      <c r="D14" s="55">
        <v>0.3125</v>
      </c>
      <c r="E14" s="148">
        <v>0.35138888888888892</v>
      </c>
      <c r="F14" s="55">
        <v>0.39097222222222222</v>
      </c>
      <c r="G14" s="148">
        <v>0.43472222222222201</v>
      </c>
      <c r="H14" s="55">
        <v>0.47430555555555554</v>
      </c>
      <c r="I14" s="148">
        <v>0.51805555555555605</v>
      </c>
      <c r="J14" s="55">
        <v>0.55763888888888891</v>
      </c>
      <c r="K14" s="148">
        <v>0.60138888888888897</v>
      </c>
      <c r="L14" s="55">
        <v>0.64097222222222217</v>
      </c>
      <c r="M14" s="149">
        <v>0.68472222222222201</v>
      </c>
      <c r="N14" s="3"/>
      <c r="O14" s="746"/>
      <c r="P14" s="150" t="s">
        <v>292</v>
      </c>
      <c r="Q14" s="55">
        <v>0.35486111111111113</v>
      </c>
      <c r="R14" s="148" t="s">
        <v>19</v>
      </c>
      <c r="S14" s="52">
        <v>0.438194444444444</v>
      </c>
      <c r="T14" s="148" t="s">
        <v>19</v>
      </c>
      <c r="U14" s="52">
        <v>0.52152777777777803</v>
      </c>
      <c r="V14" s="148" t="s">
        <v>19</v>
      </c>
      <c r="W14" s="52">
        <v>0.60486111111111096</v>
      </c>
      <c r="X14" s="148" t="s">
        <v>19</v>
      </c>
      <c r="Y14" s="52">
        <v>0.688194444444444</v>
      </c>
      <c r="Z14" s="149" t="s">
        <v>19</v>
      </c>
      <c r="AA14" s="115"/>
    </row>
    <row r="15" spans="1:27" ht="18.95" customHeight="1" x14ac:dyDescent="0.15">
      <c r="A15" s="743"/>
      <c r="B15" s="110" t="s">
        <v>293</v>
      </c>
      <c r="C15" s="153"/>
      <c r="D15" s="55">
        <v>0.31458333333333333</v>
      </c>
      <c r="E15" s="148">
        <v>0.35347222222222219</v>
      </c>
      <c r="F15" s="55">
        <v>0.39305555555555555</v>
      </c>
      <c r="G15" s="148">
        <v>0.436805555555556</v>
      </c>
      <c r="H15" s="55">
        <v>0.47638888888888892</v>
      </c>
      <c r="I15" s="148">
        <v>0.52013888888888904</v>
      </c>
      <c r="J15" s="55">
        <v>0.55972222222222223</v>
      </c>
      <c r="K15" s="148">
        <v>0.60347222222222197</v>
      </c>
      <c r="L15" s="55">
        <v>0.6430555555555556</v>
      </c>
      <c r="M15" s="149">
        <v>0.686805555555555</v>
      </c>
      <c r="N15" s="3"/>
      <c r="O15" s="746"/>
      <c r="P15" s="150" t="s">
        <v>294</v>
      </c>
      <c r="Q15" s="55">
        <v>0.35555555555555557</v>
      </c>
      <c r="R15" s="148" t="s">
        <v>19</v>
      </c>
      <c r="S15" s="52">
        <v>0.43888888888888899</v>
      </c>
      <c r="T15" s="148" t="s">
        <v>19</v>
      </c>
      <c r="U15" s="52">
        <v>0.52222222222222203</v>
      </c>
      <c r="V15" s="148" t="s">
        <v>19</v>
      </c>
      <c r="W15" s="52">
        <v>0.60555555555555596</v>
      </c>
      <c r="X15" s="148" t="s">
        <v>19</v>
      </c>
      <c r="Y15" s="52">
        <v>0.68888888888888899</v>
      </c>
      <c r="Z15" s="149" t="s">
        <v>19</v>
      </c>
      <c r="AA15" s="115"/>
    </row>
    <row r="16" spans="1:27" ht="18.95" customHeight="1" x14ac:dyDescent="0.15">
      <c r="A16" s="742"/>
      <c r="B16" s="112" t="s">
        <v>295</v>
      </c>
      <c r="C16" s="147"/>
      <c r="D16" s="55">
        <v>0.31736111111111115</v>
      </c>
      <c r="E16" s="148">
        <v>0.35625000000000001</v>
      </c>
      <c r="F16" s="55">
        <v>0.39583333333333331</v>
      </c>
      <c r="G16" s="148">
        <v>0.43958333333333299</v>
      </c>
      <c r="H16" s="55">
        <v>0.47916666666666702</v>
      </c>
      <c r="I16" s="148">
        <v>0.52291666666666703</v>
      </c>
      <c r="J16" s="55">
        <v>0.5625</v>
      </c>
      <c r="K16" s="148">
        <v>0.60624999999999996</v>
      </c>
      <c r="L16" s="55">
        <v>0.64583333333333304</v>
      </c>
      <c r="M16" s="149">
        <v>0.68958333333333299</v>
      </c>
      <c r="N16" s="3"/>
      <c r="O16" s="746"/>
      <c r="P16" s="150" t="s">
        <v>52</v>
      </c>
      <c r="Q16" s="55" t="s">
        <v>19</v>
      </c>
      <c r="R16" s="148">
        <v>0.39652777777777781</v>
      </c>
      <c r="S16" s="52" t="s">
        <v>19</v>
      </c>
      <c r="T16" s="148">
        <v>0.47986111111111113</v>
      </c>
      <c r="U16" s="52" t="s">
        <v>19</v>
      </c>
      <c r="V16" s="148">
        <v>0.56319444444444444</v>
      </c>
      <c r="W16" s="52" t="s">
        <v>19</v>
      </c>
      <c r="X16" s="148">
        <v>0.64652777777777781</v>
      </c>
      <c r="Y16" s="52" t="s">
        <v>19</v>
      </c>
      <c r="Z16" s="149">
        <v>0.72986111111111107</v>
      </c>
      <c r="AA16" s="115"/>
    </row>
    <row r="17" spans="1:27" ht="18.95" customHeight="1" x14ac:dyDescent="0.15">
      <c r="A17" s="742"/>
      <c r="B17" s="103" t="s">
        <v>296</v>
      </c>
      <c r="C17" s="147"/>
      <c r="D17" s="55">
        <v>0.31805555555555554</v>
      </c>
      <c r="E17" s="148">
        <v>0.35694444444444445</v>
      </c>
      <c r="F17" s="55">
        <v>0.39652777777777781</v>
      </c>
      <c r="G17" s="148">
        <v>0.44027777777777799</v>
      </c>
      <c r="H17" s="55">
        <v>0.47986111111111102</v>
      </c>
      <c r="I17" s="148">
        <v>0.52361111111111103</v>
      </c>
      <c r="J17" s="55">
        <v>0.563194444444444</v>
      </c>
      <c r="K17" s="148">
        <v>0.60694444444444495</v>
      </c>
      <c r="L17" s="55">
        <v>0.64652777777777803</v>
      </c>
      <c r="M17" s="149">
        <v>0.69027777777777799</v>
      </c>
      <c r="N17" s="3"/>
      <c r="O17" s="746"/>
      <c r="P17" s="150" t="s">
        <v>67</v>
      </c>
      <c r="Q17" s="55">
        <v>0.35625000000000001</v>
      </c>
      <c r="R17" s="148" t="s">
        <v>19</v>
      </c>
      <c r="S17" s="55">
        <v>0.43958333333333299</v>
      </c>
      <c r="T17" s="148" t="s">
        <v>19</v>
      </c>
      <c r="U17" s="55">
        <v>0.52291666666666703</v>
      </c>
      <c r="V17" s="148" t="s">
        <v>19</v>
      </c>
      <c r="W17" s="55">
        <v>0.60624999999999996</v>
      </c>
      <c r="X17" s="148" t="s">
        <v>19</v>
      </c>
      <c r="Y17" s="55">
        <v>0.68958333333333299</v>
      </c>
      <c r="Z17" s="149" t="s">
        <v>19</v>
      </c>
      <c r="AA17" s="115"/>
    </row>
    <row r="18" spans="1:27" ht="18.95" customHeight="1" x14ac:dyDescent="0.15">
      <c r="A18" s="742"/>
      <c r="B18" s="103" t="s">
        <v>297</v>
      </c>
      <c r="C18" s="147"/>
      <c r="D18" s="55">
        <v>0.31875000000000003</v>
      </c>
      <c r="E18" s="148">
        <v>0.3576388888888889</v>
      </c>
      <c r="F18" s="55">
        <v>0.3972222222222222</v>
      </c>
      <c r="G18" s="148">
        <v>0.44097222222222199</v>
      </c>
      <c r="H18" s="55">
        <v>0.48055555555555601</v>
      </c>
      <c r="I18" s="148">
        <v>0.52430555555555602</v>
      </c>
      <c r="J18" s="55">
        <v>0.56388888888888899</v>
      </c>
      <c r="K18" s="148">
        <v>0.60763888888888895</v>
      </c>
      <c r="L18" s="55">
        <v>0.64722222222222303</v>
      </c>
      <c r="M18" s="149">
        <v>0.69097222222222199</v>
      </c>
      <c r="N18" s="3"/>
      <c r="O18" s="746"/>
      <c r="P18" s="150" t="s">
        <v>69</v>
      </c>
      <c r="Q18" s="55">
        <v>0.35694444444444445</v>
      </c>
      <c r="R18" s="148" t="s">
        <v>19</v>
      </c>
      <c r="S18" s="52">
        <v>0.44027777777777799</v>
      </c>
      <c r="T18" s="148" t="s">
        <v>19</v>
      </c>
      <c r="U18" s="52">
        <v>0.52361111111111103</v>
      </c>
      <c r="V18" s="148" t="s">
        <v>19</v>
      </c>
      <c r="W18" s="52">
        <v>0.60694444444444495</v>
      </c>
      <c r="X18" s="148" t="s">
        <v>19</v>
      </c>
      <c r="Y18" s="52">
        <v>0.69027777777777799</v>
      </c>
      <c r="Z18" s="149" t="s">
        <v>19</v>
      </c>
      <c r="AA18" s="115"/>
    </row>
    <row r="19" spans="1:27" ht="18.95" customHeight="1" x14ac:dyDescent="0.15">
      <c r="A19" s="742"/>
      <c r="B19" s="103" t="s">
        <v>298</v>
      </c>
      <c r="C19" s="147"/>
      <c r="D19" s="55">
        <v>0.31944444444444448</v>
      </c>
      <c r="E19" s="148">
        <v>0.35833333333333334</v>
      </c>
      <c r="F19" s="55">
        <v>0.3979166666666667</v>
      </c>
      <c r="G19" s="148">
        <v>0.44166666666666698</v>
      </c>
      <c r="H19" s="55">
        <v>0.48125000000000001</v>
      </c>
      <c r="I19" s="148">
        <v>0.52500000000000002</v>
      </c>
      <c r="J19" s="55">
        <v>0.56458333333333299</v>
      </c>
      <c r="K19" s="148">
        <v>0.60833333333333295</v>
      </c>
      <c r="L19" s="55">
        <v>0.64791666666666703</v>
      </c>
      <c r="M19" s="149">
        <v>0.69166666666666698</v>
      </c>
      <c r="N19" s="3"/>
      <c r="O19" s="746"/>
      <c r="P19" s="150" t="s">
        <v>299</v>
      </c>
      <c r="Q19" s="55">
        <v>0.3576388888888889</v>
      </c>
      <c r="R19" s="148" t="s">
        <v>19</v>
      </c>
      <c r="S19" s="52">
        <v>0.44097222222222199</v>
      </c>
      <c r="T19" s="148" t="s">
        <v>19</v>
      </c>
      <c r="U19" s="52">
        <v>0.52430555555555602</v>
      </c>
      <c r="V19" s="148" t="s">
        <v>19</v>
      </c>
      <c r="W19" s="52">
        <v>0.60763888888888895</v>
      </c>
      <c r="X19" s="148" t="s">
        <v>19</v>
      </c>
      <c r="Y19" s="52">
        <v>0.69097222222222199</v>
      </c>
      <c r="Z19" s="149" t="s">
        <v>19</v>
      </c>
      <c r="AA19" s="115"/>
    </row>
    <row r="20" spans="1:27" ht="18.95" customHeight="1" x14ac:dyDescent="0.15">
      <c r="A20" s="742"/>
      <c r="B20" s="103" t="s">
        <v>300</v>
      </c>
      <c r="C20" s="147"/>
      <c r="D20" s="55">
        <v>0.32083333333333336</v>
      </c>
      <c r="E20" s="148">
        <v>0.35972222222222222</v>
      </c>
      <c r="F20" s="55">
        <v>0.39930555555555558</v>
      </c>
      <c r="G20" s="148">
        <v>0.44305555555555598</v>
      </c>
      <c r="H20" s="55">
        <v>0.48263888888888901</v>
      </c>
      <c r="I20" s="148">
        <v>0.52638888888888902</v>
      </c>
      <c r="J20" s="55">
        <v>0.56597222222222199</v>
      </c>
      <c r="K20" s="148">
        <v>0.60972222222222205</v>
      </c>
      <c r="L20" s="55">
        <v>0.64930555555555602</v>
      </c>
      <c r="M20" s="149">
        <v>0.69305555555555598</v>
      </c>
      <c r="N20" s="3"/>
      <c r="O20" s="746"/>
      <c r="P20" s="150" t="s">
        <v>301</v>
      </c>
      <c r="Q20" s="55">
        <v>0.35833333333333334</v>
      </c>
      <c r="R20" s="148" t="s">
        <v>19</v>
      </c>
      <c r="S20" s="52">
        <v>0.44166666666666698</v>
      </c>
      <c r="T20" s="148" t="s">
        <v>19</v>
      </c>
      <c r="U20" s="52">
        <v>0.52500000000000002</v>
      </c>
      <c r="V20" s="148" t="s">
        <v>19</v>
      </c>
      <c r="W20" s="52">
        <v>0.60833333333333295</v>
      </c>
      <c r="X20" s="148" t="s">
        <v>19</v>
      </c>
      <c r="Y20" s="52">
        <v>0.69166666666666698</v>
      </c>
      <c r="Z20" s="149" t="s">
        <v>19</v>
      </c>
      <c r="AA20" s="115"/>
    </row>
    <row r="21" spans="1:27" ht="18.95" customHeight="1" x14ac:dyDescent="0.15">
      <c r="A21" s="742"/>
      <c r="B21" s="103" t="s">
        <v>302</v>
      </c>
      <c r="C21" s="147"/>
      <c r="D21" s="55">
        <v>0.32222222222222224</v>
      </c>
      <c r="E21" s="148">
        <v>0.3611111111111111</v>
      </c>
      <c r="F21" s="55">
        <v>0.40069444444444446</v>
      </c>
      <c r="G21" s="148">
        <v>0.44444444444444398</v>
      </c>
      <c r="H21" s="55">
        <v>0.484027777777778</v>
      </c>
      <c r="I21" s="148">
        <v>0.52777777777777801</v>
      </c>
      <c r="J21" s="55">
        <v>0.56736111111111098</v>
      </c>
      <c r="K21" s="148">
        <v>0.61111111111111105</v>
      </c>
      <c r="L21" s="55">
        <v>0.65069444444444502</v>
      </c>
      <c r="M21" s="149">
        <v>0.69444444444444398</v>
      </c>
      <c r="N21" s="3"/>
      <c r="O21" s="746"/>
      <c r="P21" s="150" t="s">
        <v>303</v>
      </c>
      <c r="Q21" s="55">
        <v>0.35902777777777778</v>
      </c>
      <c r="R21" s="148" t="s">
        <v>19</v>
      </c>
      <c r="S21" s="52">
        <v>0.44236111111111098</v>
      </c>
      <c r="T21" s="148" t="s">
        <v>19</v>
      </c>
      <c r="U21" s="52">
        <v>0.52569444444444402</v>
      </c>
      <c r="V21" s="148" t="s">
        <v>19</v>
      </c>
      <c r="W21" s="52">
        <v>0.60902777777777795</v>
      </c>
      <c r="X21" s="148" t="s">
        <v>19</v>
      </c>
      <c r="Y21" s="52">
        <v>0.69236111111111098</v>
      </c>
      <c r="Z21" s="149" t="s">
        <v>19</v>
      </c>
      <c r="AA21" s="115"/>
    </row>
    <row r="22" spans="1:27" ht="18.95" customHeight="1" x14ac:dyDescent="0.15">
      <c r="A22" s="742"/>
      <c r="B22" s="103" t="s">
        <v>304</v>
      </c>
      <c r="C22" s="147"/>
      <c r="D22" s="55">
        <v>0.32361111111111113</v>
      </c>
      <c r="E22" s="148">
        <v>0.36249999999999999</v>
      </c>
      <c r="F22" s="55">
        <v>0.40208333333333335</v>
      </c>
      <c r="G22" s="148">
        <v>0.44583333333333303</v>
      </c>
      <c r="H22" s="55">
        <v>0.485416666666667</v>
      </c>
      <c r="I22" s="148">
        <v>0.52916666666666701</v>
      </c>
      <c r="J22" s="55">
        <v>0.56874999999999998</v>
      </c>
      <c r="K22" s="148">
        <v>0.61250000000000004</v>
      </c>
      <c r="L22" s="55">
        <v>0.65208333333333401</v>
      </c>
      <c r="M22" s="149">
        <v>0.69583333333333297</v>
      </c>
      <c r="N22" s="3"/>
      <c r="O22" s="746"/>
      <c r="P22" s="150" t="s">
        <v>305</v>
      </c>
      <c r="Q22" s="55">
        <v>0.36041666666666666</v>
      </c>
      <c r="R22" s="148">
        <v>0.39999999999999997</v>
      </c>
      <c r="S22" s="52">
        <v>0.44374999999999998</v>
      </c>
      <c r="T22" s="148">
        <v>0.48333333333333334</v>
      </c>
      <c r="U22" s="52">
        <v>0.52708333333333302</v>
      </c>
      <c r="V22" s="148">
        <v>0.56666666666666665</v>
      </c>
      <c r="W22" s="52">
        <v>0.61041666666666705</v>
      </c>
      <c r="X22" s="148">
        <v>0.65</v>
      </c>
      <c r="Y22" s="52">
        <v>0.69374999999999998</v>
      </c>
      <c r="Z22" s="149">
        <v>0.73333333333333339</v>
      </c>
      <c r="AA22" s="115"/>
    </row>
    <row r="23" spans="1:27" ht="18.95" customHeight="1" x14ac:dyDescent="0.15">
      <c r="A23" s="742"/>
      <c r="B23" s="103" t="s">
        <v>306</v>
      </c>
      <c r="C23" s="147"/>
      <c r="D23" s="55">
        <v>0.32430555555555557</v>
      </c>
      <c r="E23" s="148">
        <v>0.36319444444444443</v>
      </c>
      <c r="F23" s="55">
        <v>0.40277777777777773</v>
      </c>
      <c r="G23" s="148">
        <v>0.44652777777777802</v>
      </c>
      <c r="H23" s="55">
        <v>0.48611111111111099</v>
      </c>
      <c r="I23" s="148">
        <v>0.52986111111111101</v>
      </c>
      <c r="J23" s="55">
        <v>0.56944444444444398</v>
      </c>
      <c r="K23" s="148">
        <v>0.61319444444444404</v>
      </c>
      <c r="L23" s="55">
        <v>0.65277777777777801</v>
      </c>
      <c r="M23" s="149">
        <v>0.69652777777777797</v>
      </c>
      <c r="N23" s="3"/>
      <c r="O23" s="746"/>
      <c r="P23" s="156" t="s">
        <v>307</v>
      </c>
      <c r="Q23" s="55">
        <v>0.3611111111111111</v>
      </c>
      <c r="R23" s="148">
        <v>0.40069444444444446</v>
      </c>
      <c r="S23" s="55">
        <v>0.44444444444444398</v>
      </c>
      <c r="T23" s="148">
        <v>0.48402777777777778</v>
      </c>
      <c r="U23" s="55">
        <v>0.52777777777777801</v>
      </c>
      <c r="V23" s="148">
        <v>0.56736111111111109</v>
      </c>
      <c r="W23" s="55">
        <v>0.61111111111111105</v>
      </c>
      <c r="X23" s="148">
        <v>0.65069444444444446</v>
      </c>
      <c r="Y23" s="55">
        <v>0.69444444444444398</v>
      </c>
      <c r="Z23" s="149">
        <v>0.73402777777777783</v>
      </c>
      <c r="AA23" s="115"/>
    </row>
    <row r="24" spans="1:27" ht="18.95" customHeight="1" x14ac:dyDescent="0.15">
      <c r="A24" s="742"/>
      <c r="B24" s="103" t="s">
        <v>308</v>
      </c>
      <c r="C24" s="147"/>
      <c r="D24" s="55">
        <v>0.32569444444444445</v>
      </c>
      <c r="E24" s="148">
        <v>0.36458333333333331</v>
      </c>
      <c r="F24" s="55">
        <v>0.40416666666666662</v>
      </c>
      <c r="G24" s="148">
        <v>0.44791666666666702</v>
      </c>
      <c r="H24" s="55">
        <v>0.48749999999999999</v>
      </c>
      <c r="I24" s="148">
        <v>0.53125</v>
      </c>
      <c r="J24" s="55">
        <v>0.57083333333333297</v>
      </c>
      <c r="K24" s="148">
        <v>0.61458333333333304</v>
      </c>
      <c r="L24" s="55">
        <v>0.65416666666666701</v>
      </c>
      <c r="M24" s="149">
        <v>0.69791666666666696</v>
      </c>
      <c r="N24" s="3"/>
      <c r="O24" s="746"/>
      <c r="P24" s="158" t="s">
        <v>56</v>
      </c>
      <c r="Q24" s="55">
        <v>0.36180555555555555</v>
      </c>
      <c r="R24" s="148">
        <v>0.40347222222222223</v>
      </c>
      <c r="S24" s="55">
        <v>0.44513888888888897</v>
      </c>
      <c r="T24" s="148">
        <v>0.48680555555555599</v>
      </c>
      <c r="U24" s="55">
        <v>0.52847222222222201</v>
      </c>
      <c r="V24" s="148">
        <v>0.57013888888888897</v>
      </c>
      <c r="W24" s="55">
        <v>0.61180555555555505</v>
      </c>
      <c r="X24" s="148">
        <v>0.65347222222222201</v>
      </c>
      <c r="Y24" s="55">
        <v>0.69513888888888897</v>
      </c>
      <c r="Z24" s="149">
        <v>0.73680555555555505</v>
      </c>
      <c r="AA24" s="115"/>
    </row>
    <row r="25" spans="1:27" ht="18.95" customHeight="1" x14ac:dyDescent="0.15">
      <c r="A25" s="742"/>
      <c r="B25" s="38" t="s">
        <v>309</v>
      </c>
      <c r="C25" s="159"/>
      <c r="D25" s="160">
        <v>0.32708333333333334</v>
      </c>
      <c r="E25" s="148">
        <v>0.3659722222222222</v>
      </c>
      <c r="F25" s="55">
        <v>0.4055555555555555</v>
      </c>
      <c r="G25" s="148">
        <v>0.44930555555555601</v>
      </c>
      <c r="H25" s="55">
        <v>0.48888888888888898</v>
      </c>
      <c r="I25" s="148">
        <v>0.53263888888888899</v>
      </c>
      <c r="J25" s="55">
        <v>0.57222222222222197</v>
      </c>
      <c r="K25" s="148">
        <v>0.61597222222222203</v>
      </c>
      <c r="L25" s="55">
        <v>0.655555555555556</v>
      </c>
      <c r="M25" s="149">
        <v>0.69930555555555596</v>
      </c>
      <c r="N25" s="3"/>
      <c r="O25" s="746"/>
      <c r="P25" s="146" t="s">
        <v>310</v>
      </c>
      <c r="Q25" s="55">
        <v>0.36249999999999999</v>
      </c>
      <c r="R25" s="148">
        <v>0.40416666666666662</v>
      </c>
      <c r="S25" s="55">
        <v>0.44583333333333303</v>
      </c>
      <c r="T25" s="148">
        <v>0.48749999999999999</v>
      </c>
      <c r="U25" s="55">
        <v>0.52916666666666701</v>
      </c>
      <c r="V25" s="148">
        <v>0.57083333333333297</v>
      </c>
      <c r="W25" s="55">
        <v>0.61250000000000004</v>
      </c>
      <c r="X25" s="148">
        <v>0.65416666666666701</v>
      </c>
      <c r="Y25" s="55">
        <v>0.69583333333333297</v>
      </c>
      <c r="Z25" s="149">
        <v>0.73750000000000004</v>
      </c>
      <c r="AA25" s="115"/>
    </row>
    <row r="26" spans="1:27" ht="18.95" customHeight="1" x14ac:dyDescent="0.15">
      <c r="A26" s="742"/>
      <c r="B26" s="103" t="s">
        <v>311</v>
      </c>
      <c r="C26" s="159"/>
      <c r="D26" s="160">
        <v>0.32847222222222222</v>
      </c>
      <c r="E26" s="148">
        <v>0.36736111111111108</v>
      </c>
      <c r="F26" s="55">
        <v>0.4069444444444445</v>
      </c>
      <c r="G26" s="148">
        <v>0.45069444444444401</v>
      </c>
      <c r="H26" s="55">
        <v>0.49027777777777798</v>
      </c>
      <c r="I26" s="148">
        <v>0.53402777777777799</v>
      </c>
      <c r="J26" s="55">
        <v>0.57361111111111096</v>
      </c>
      <c r="K26" s="148">
        <v>0.61736111111111103</v>
      </c>
      <c r="L26" s="55">
        <v>0.656944444444445</v>
      </c>
      <c r="M26" s="149">
        <v>0.70069444444444395</v>
      </c>
      <c r="N26" s="3"/>
      <c r="O26" s="746"/>
      <c r="P26" s="150" t="s">
        <v>312</v>
      </c>
      <c r="Q26" s="55">
        <v>0.36458333333333331</v>
      </c>
      <c r="R26" s="148">
        <v>0.40625</v>
      </c>
      <c r="S26" s="55">
        <v>0.44791666666666702</v>
      </c>
      <c r="T26" s="148">
        <v>0.48958333333333298</v>
      </c>
      <c r="U26" s="55">
        <v>0.53125</v>
      </c>
      <c r="V26" s="148">
        <v>0.57291666666666696</v>
      </c>
      <c r="W26" s="55">
        <v>0.61458333333333304</v>
      </c>
      <c r="X26" s="148">
        <v>0.65625</v>
      </c>
      <c r="Y26" s="55">
        <v>0.69791666666666696</v>
      </c>
      <c r="Z26" s="149">
        <v>0.73958333333333304</v>
      </c>
      <c r="AA26" s="115"/>
    </row>
    <row r="27" spans="1:27" ht="18.95" customHeight="1" x14ac:dyDescent="0.15">
      <c r="A27" s="742"/>
      <c r="B27" s="103" t="s">
        <v>312</v>
      </c>
      <c r="C27" s="159"/>
      <c r="D27" s="55">
        <v>0.32916666666666666</v>
      </c>
      <c r="E27" s="148">
        <v>0.36805555555555558</v>
      </c>
      <c r="F27" s="55">
        <v>0.40763888888888888</v>
      </c>
      <c r="G27" s="148">
        <v>0.45138888888888901</v>
      </c>
      <c r="H27" s="55">
        <v>0.49097222222222198</v>
      </c>
      <c r="I27" s="148">
        <v>0.53472222222222199</v>
      </c>
      <c r="J27" s="55">
        <v>0.57430555555555596</v>
      </c>
      <c r="K27" s="148">
        <v>0.61805555555555602</v>
      </c>
      <c r="L27" s="55">
        <v>0.65763888888888899</v>
      </c>
      <c r="M27" s="149">
        <v>0.70138888888888895</v>
      </c>
      <c r="N27" s="3"/>
      <c r="O27" s="746"/>
      <c r="P27" s="150" t="s">
        <v>311</v>
      </c>
      <c r="Q27" s="55">
        <v>0.36527777777777781</v>
      </c>
      <c r="R27" s="148">
        <v>0.4069444444444445</v>
      </c>
      <c r="S27" s="55">
        <v>0.44861111111111102</v>
      </c>
      <c r="T27" s="148">
        <v>0.49027777777777798</v>
      </c>
      <c r="U27" s="55">
        <v>0.531944444444444</v>
      </c>
      <c r="V27" s="148">
        <v>0.57361111111111096</v>
      </c>
      <c r="W27" s="55">
        <v>0.61527777777777803</v>
      </c>
      <c r="X27" s="148">
        <v>0.656944444444445</v>
      </c>
      <c r="Y27" s="55">
        <v>0.69861111111111096</v>
      </c>
      <c r="Z27" s="149">
        <v>0.74027777777777803</v>
      </c>
      <c r="AA27" s="115"/>
    </row>
    <row r="28" spans="1:27" ht="18.95" customHeight="1" x14ac:dyDescent="0.15">
      <c r="A28" s="742"/>
      <c r="B28" s="103" t="s">
        <v>310</v>
      </c>
      <c r="C28" s="161"/>
      <c r="D28" s="55">
        <v>0.33194444444444443</v>
      </c>
      <c r="E28" s="148">
        <v>0.37083333333333335</v>
      </c>
      <c r="F28" s="55">
        <v>0.41041666666666665</v>
      </c>
      <c r="G28" s="148">
        <v>0.454166666666667</v>
      </c>
      <c r="H28" s="55">
        <v>0.49375000000000002</v>
      </c>
      <c r="I28" s="148">
        <v>0.53749999999999998</v>
      </c>
      <c r="J28" s="55">
        <v>0.57708333333333295</v>
      </c>
      <c r="K28" s="148">
        <v>0.62083333333333302</v>
      </c>
      <c r="L28" s="55">
        <v>0.66041666666666698</v>
      </c>
      <c r="M28" s="149">
        <v>0.70416666666666705</v>
      </c>
      <c r="N28" s="3"/>
      <c r="O28" s="746"/>
      <c r="P28" s="162" t="s">
        <v>309</v>
      </c>
      <c r="Q28" s="55">
        <v>0.3666666666666667</v>
      </c>
      <c r="R28" s="148">
        <v>0.40833333333333338</v>
      </c>
      <c r="S28" s="55">
        <v>0.45</v>
      </c>
      <c r="T28" s="148">
        <v>0.49166666666666697</v>
      </c>
      <c r="U28" s="55">
        <v>0.53333333333333299</v>
      </c>
      <c r="V28" s="148">
        <v>0.57499999999999996</v>
      </c>
      <c r="W28" s="55">
        <v>0.61666666666666703</v>
      </c>
      <c r="X28" s="148">
        <v>0.65833333333333299</v>
      </c>
      <c r="Y28" s="55">
        <v>0.7</v>
      </c>
      <c r="Z28" s="149">
        <v>0.74166666666666703</v>
      </c>
      <c r="AA28" s="115"/>
    </row>
    <row r="29" spans="1:27" ht="18.95" customHeight="1" x14ac:dyDescent="0.15">
      <c r="A29" s="742"/>
      <c r="B29" s="156" t="s">
        <v>313</v>
      </c>
      <c r="C29" s="163">
        <v>0</v>
      </c>
      <c r="D29" s="55">
        <v>0.33263888888888887</v>
      </c>
      <c r="E29" s="148">
        <v>0.37152777777777773</v>
      </c>
      <c r="F29" s="55">
        <v>0.41111111111111115</v>
      </c>
      <c r="G29" s="148">
        <v>0.45486111111111099</v>
      </c>
      <c r="H29" s="55">
        <v>0.49444444444444402</v>
      </c>
      <c r="I29" s="148">
        <v>0.53819444444444398</v>
      </c>
      <c r="J29" s="55">
        <v>0.57777777777777795</v>
      </c>
      <c r="K29" s="148">
        <v>0.62152777777777801</v>
      </c>
      <c r="L29" s="55">
        <v>0.66111111111111098</v>
      </c>
      <c r="M29" s="149">
        <v>0.70486111111111105</v>
      </c>
      <c r="N29" s="3"/>
      <c r="O29" s="746"/>
      <c r="P29" s="150" t="s">
        <v>308</v>
      </c>
      <c r="Q29" s="55">
        <v>0.36805555555555558</v>
      </c>
      <c r="R29" s="148">
        <v>0.40972222222222227</v>
      </c>
      <c r="S29" s="55">
        <v>0.45138888888888901</v>
      </c>
      <c r="T29" s="148">
        <v>0.49305555555555602</v>
      </c>
      <c r="U29" s="55">
        <v>0.53472222222222199</v>
      </c>
      <c r="V29" s="148">
        <v>0.57638888888888895</v>
      </c>
      <c r="W29" s="55">
        <v>0.61805555555555602</v>
      </c>
      <c r="X29" s="148">
        <v>0.65972222222222199</v>
      </c>
      <c r="Y29" s="55">
        <v>0.70138888888888895</v>
      </c>
      <c r="Z29" s="149">
        <v>0.74305555555555602</v>
      </c>
      <c r="AA29" s="115"/>
    </row>
    <row r="30" spans="1:27" ht="18.95" customHeight="1" x14ac:dyDescent="0.15">
      <c r="A30" s="742"/>
      <c r="B30" s="158" t="s">
        <v>314</v>
      </c>
      <c r="C30" s="164">
        <v>6.9444444444444447E-4</v>
      </c>
      <c r="D30" s="160">
        <v>0.33263888888888887</v>
      </c>
      <c r="E30" s="15">
        <v>0.37222222222222223</v>
      </c>
      <c r="F30" s="160">
        <v>0.41180555555555554</v>
      </c>
      <c r="G30" s="15">
        <v>0.45555555555555599</v>
      </c>
      <c r="H30" s="160">
        <v>0.49513888888888902</v>
      </c>
      <c r="I30" s="15">
        <v>0.53888888888888897</v>
      </c>
      <c r="J30" s="160">
        <v>0.57847222222222205</v>
      </c>
      <c r="K30" s="15">
        <v>0.62222222222222201</v>
      </c>
      <c r="L30" s="160">
        <v>0.66180555555555598</v>
      </c>
      <c r="M30" s="165">
        <v>0.70555555555555505</v>
      </c>
      <c r="N30" s="3"/>
      <c r="O30" s="746"/>
      <c r="P30" s="150" t="s">
        <v>306</v>
      </c>
      <c r="Q30" s="55">
        <v>0.36944444444444446</v>
      </c>
      <c r="R30" s="148">
        <v>0.41111111111111115</v>
      </c>
      <c r="S30" s="55">
        <v>0.452777777777778</v>
      </c>
      <c r="T30" s="148">
        <v>0.49444444444444402</v>
      </c>
      <c r="U30" s="55">
        <v>0.53611111111111098</v>
      </c>
      <c r="V30" s="148">
        <v>0.57777777777777795</v>
      </c>
      <c r="W30" s="55">
        <v>0.61944444444444402</v>
      </c>
      <c r="X30" s="148">
        <v>0.66111111111111098</v>
      </c>
      <c r="Y30" s="55">
        <v>0.70277777777777795</v>
      </c>
      <c r="Z30" s="149">
        <v>0.74444444444444402</v>
      </c>
      <c r="AA30" s="115"/>
    </row>
    <row r="31" spans="1:27" ht="18.95" customHeight="1" x14ac:dyDescent="0.15">
      <c r="A31" s="742"/>
      <c r="B31" s="103" t="s">
        <v>305</v>
      </c>
      <c r="C31" s="164">
        <v>1.3888888888888889E-3</v>
      </c>
      <c r="D31" s="160">
        <v>0.33333333333333331</v>
      </c>
      <c r="E31" s="148">
        <v>0.37291666666666662</v>
      </c>
      <c r="F31" s="160">
        <v>0.41250000000000003</v>
      </c>
      <c r="G31" s="148">
        <v>0.45624999999999999</v>
      </c>
      <c r="H31" s="160">
        <v>0.49583333333333302</v>
      </c>
      <c r="I31" s="148">
        <v>0.53958333333333297</v>
      </c>
      <c r="J31" s="160">
        <v>0.57916666666666705</v>
      </c>
      <c r="K31" s="148">
        <v>0.62291666666666701</v>
      </c>
      <c r="L31" s="160">
        <v>0.66249999999999998</v>
      </c>
      <c r="M31" s="149">
        <v>0.70625000000000004</v>
      </c>
      <c r="N31" s="3"/>
      <c r="O31" s="746"/>
      <c r="P31" s="150" t="s">
        <v>304</v>
      </c>
      <c r="Q31" s="55">
        <v>0.37013888888888885</v>
      </c>
      <c r="R31" s="148">
        <v>0.41180555555555554</v>
      </c>
      <c r="S31" s="55">
        <v>0.453472222222222</v>
      </c>
      <c r="T31" s="148">
        <v>0.49513888888888902</v>
      </c>
      <c r="U31" s="55">
        <v>0.53680555555555598</v>
      </c>
      <c r="V31" s="148">
        <v>0.57847222222222205</v>
      </c>
      <c r="W31" s="55">
        <v>0.62013888888888902</v>
      </c>
      <c r="X31" s="148">
        <v>0.66180555555555598</v>
      </c>
      <c r="Y31" s="55">
        <v>0.70347222222222205</v>
      </c>
      <c r="Z31" s="149">
        <v>0.74513888888888902</v>
      </c>
      <c r="AA31" s="115"/>
    </row>
    <row r="32" spans="1:27" ht="18.95" customHeight="1" x14ac:dyDescent="0.15">
      <c r="A32" s="742"/>
      <c r="B32" s="103" t="s">
        <v>303</v>
      </c>
      <c r="C32" s="164">
        <v>6.9444444444444447E-4</v>
      </c>
      <c r="D32" s="160" t="s">
        <v>19</v>
      </c>
      <c r="E32" s="148" t="s">
        <v>19</v>
      </c>
      <c r="F32" s="160">
        <v>0.41388888888888892</v>
      </c>
      <c r="G32" s="148" t="s">
        <v>19</v>
      </c>
      <c r="H32" s="160">
        <v>0.49722222222222201</v>
      </c>
      <c r="I32" s="148" t="s">
        <v>19</v>
      </c>
      <c r="J32" s="160">
        <v>0.58055555555555605</v>
      </c>
      <c r="K32" s="148" t="s">
        <v>19</v>
      </c>
      <c r="L32" s="160">
        <v>0.66388888888888897</v>
      </c>
      <c r="M32" s="149" t="s">
        <v>19</v>
      </c>
      <c r="N32" s="3"/>
      <c r="O32" s="746"/>
      <c r="P32" s="150" t="s">
        <v>302</v>
      </c>
      <c r="Q32" s="55">
        <v>0.37152777777777773</v>
      </c>
      <c r="R32" s="148">
        <v>0.41319444444444442</v>
      </c>
      <c r="S32" s="55">
        <v>0.45486111111111099</v>
      </c>
      <c r="T32" s="148">
        <v>0.49652777777777801</v>
      </c>
      <c r="U32" s="55">
        <v>0.53819444444444398</v>
      </c>
      <c r="V32" s="148">
        <v>0.57986111111111105</v>
      </c>
      <c r="W32" s="55">
        <v>0.62152777777777801</v>
      </c>
      <c r="X32" s="148">
        <v>0.66319444444444398</v>
      </c>
      <c r="Y32" s="55">
        <v>0.70486111111111105</v>
      </c>
      <c r="Z32" s="149">
        <v>0.74652777777777801</v>
      </c>
      <c r="AA32" s="115"/>
    </row>
    <row r="33" spans="1:27" ht="18.95" customHeight="1" x14ac:dyDescent="0.15">
      <c r="A33" s="742"/>
      <c r="B33" s="103" t="s">
        <v>301</v>
      </c>
      <c r="C33" s="164">
        <v>6.9444444444444447E-4</v>
      </c>
      <c r="D33" s="160" t="s">
        <v>19</v>
      </c>
      <c r="E33" s="148" t="s">
        <v>19</v>
      </c>
      <c r="F33" s="160">
        <v>0.4145833333333333</v>
      </c>
      <c r="G33" s="148" t="s">
        <v>19</v>
      </c>
      <c r="H33" s="160">
        <v>0.49791666666666701</v>
      </c>
      <c r="I33" s="148" t="s">
        <v>19</v>
      </c>
      <c r="J33" s="160">
        <v>0.58125000000000004</v>
      </c>
      <c r="K33" s="148" t="s">
        <v>19</v>
      </c>
      <c r="L33" s="160">
        <v>0.66458333333333297</v>
      </c>
      <c r="M33" s="149" t="s">
        <v>19</v>
      </c>
      <c r="N33" s="3"/>
      <c r="O33" s="746"/>
      <c r="P33" s="150" t="s">
        <v>300</v>
      </c>
      <c r="Q33" s="55">
        <v>0.37291666666666662</v>
      </c>
      <c r="R33" s="148">
        <v>0.4145833333333333</v>
      </c>
      <c r="S33" s="55">
        <v>0.45624999999999999</v>
      </c>
      <c r="T33" s="148">
        <v>0.49791666666666701</v>
      </c>
      <c r="U33" s="55">
        <v>0.53958333333333297</v>
      </c>
      <c r="V33" s="148">
        <v>0.58125000000000004</v>
      </c>
      <c r="W33" s="55">
        <v>0.62291666666666701</v>
      </c>
      <c r="X33" s="148">
        <v>0.66458333333333297</v>
      </c>
      <c r="Y33" s="55">
        <v>0.70625000000000004</v>
      </c>
      <c r="Z33" s="149">
        <v>0.74791666666666701</v>
      </c>
      <c r="AA33" s="115"/>
    </row>
    <row r="34" spans="1:27" ht="18.95" customHeight="1" x14ac:dyDescent="0.15">
      <c r="A34" s="742"/>
      <c r="B34" s="103" t="s">
        <v>299</v>
      </c>
      <c r="C34" s="164">
        <v>6.9444444444444447E-4</v>
      </c>
      <c r="D34" s="160" t="s">
        <v>19</v>
      </c>
      <c r="E34" s="148" t="s">
        <v>19</v>
      </c>
      <c r="F34" s="160">
        <v>0.4152777777777778</v>
      </c>
      <c r="G34" s="148" t="s">
        <v>19</v>
      </c>
      <c r="H34" s="160">
        <v>0.49861111111111101</v>
      </c>
      <c r="I34" s="148" t="s">
        <v>19</v>
      </c>
      <c r="J34" s="160">
        <v>0.58194444444444404</v>
      </c>
      <c r="K34" s="148" t="s">
        <v>19</v>
      </c>
      <c r="L34" s="160">
        <v>0.66527777777777797</v>
      </c>
      <c r="M34" s="149" t="s">
        <v>19</v>
      </c>
      <c r="N34" s="3"/>
      <c r="O34" s="746"/>
      <c r="P34" s="150" t="s">
        <v>298</v>
      </c>
      <c r="Q34" s="55">
        <v>0.3743055555555555</v>
      </c>
      <c r="R34" s="148">
        <v>0.41597222222222219</v>
      </c>
      <c r="S34" s="55">
        <v>0.45763888888888898</v>
      </c>
      <c r="T34" s="148">
        <v>0.499305555555556</v>
      </c>
      <c r="U34" s="55">
        <v>0.54097222222222197</v>
      </c>
      <c r="V34" s="148">
        <v>0.58263888888888904</v>
      </c>
      <c r="W34" s="55">
        <v>0.624305555555555</v>
      </c>
      <c r="X34" s="148">
        <v>0.66597222222222197</v>
      </c>
      <c r="Y34" s="55">
        <v>0.70763888888888904</v>
      </c>
      <c r="Z34" s="149">
        <v>0.749305555555555</v>
      </c>
      <c r="AA34" s="115"/>
    </row>
    <row r="35" spans="1:27" ht="18.95" customHeight="1" x14ac:dyDescent="0.15">
      <c r="A35" s="742"/>
      <c r="B35" s="103" t="s">
        <v>69</v>
      </c>
      <c r="C35" s="164">
        <v>6.9444444444444447E-4</v>
      </c>
      <c r="D35" s="160" t="s">
        <v>19</v>
      </c>
      <c r="E35" s="148" t="s">
        <v>19</v>
      </c>
      <c r="F35" s="160">
        <v>0.41597222222222219</v>
      </c>
      <c r="G35" s="148" t="s">
        <v>19</v>
      </c>
      <c r="H35" s="160">
        <v>0.499305555555556</v>
      </c>
      <c r="I35" s="148" t="s">
        <v>19</v>
      </c>
      <c r="J35" s="160">
        <v>0.58263888888888904</v>
      </c>
      <c r="K35" s="148" t="s">
        <v>19</v>
      </c>
      <c r="L35" s="160">
        <v>0.66597222222222197</v>
      </c>
      <c r="M35" s="149" t="s">
        <v>19</v>
      </c>
      <c r="N35" s="3"/>
      <c r="O35" s="746"/>
      <c r="P35" s="150" t="s">
        <v>297</v>
      </c>
      <c r="Q35" s="55">
        <v>0.375</v>
      </c>
      <c r="R35" s="148">
        <v>0.41666666666666669</v>
      </c>
      <c r="S35" s="55">
        <v>0.45833333333333298</v>
      </c>
      <c r="T35" s="148">
        <v>0.5</v>
      </c>
      <c r="U35" s="55">
        <v>0.54166666666666696</v>
      </c>
      <c r="V35" s="148">
        <v>0.58333333333333304</v>
      </c>
      <c r="W35" s="55">
        <v>0.625</v>
      </c>
      <c r="X35" s="148">
        <v>0.66666666666666696</v>
      </c>
      <c r="Y35" s="55">
        <v>0.70833333333333304</v>
      </c>
      <c r="Z35" s="149">
        <v>0.75</v>
      </c>
      <c r="AA35" s="115"/>
    </row>
    <row r="36" spans="1:27" ht="18.95" customHeight="1" x14ac:dyDescent="0.15">
      <c r="A36" s="742"/>
      <c r="B36" s="103" t="s">
        <v>67</v>
      </c>
      <c r="C36" s="164">
        <v>6.9444444444444447E-4</v>
      </c>
      <c r="D36" s="160" t="s">
        <v>19</v>
      </c>
      <c r="E36" s="15" t="s">
        <v>19</v>
      </c>
      <c r="F36" s="160">
        <v>0.41666666666666669</v>
      </c>
      <c r="G36" s="15" t="s">
        <v>19</v>
      </c>
      <c r="H36" s="160">
        <v>0.5</v>
      </c>
      <c r="I36" s="15" t="s">
        <v>19</v>
      </c>
      <c r="J36" s="160">
        <v>0.58333333333333304</v>
      </c>
      <c r="K36" s="15" t="s">
        <v>19</v>
      </c>
      <c r="L36" s="160">
        <v>0.66666666666666696</v>
      </c>
      <c r="M36" s="165" t="s">
        <v>19</v>
      </c>
      <c r="N36" s="3"/>
      <c r="O36" s="746"/>
      <c r="P36" s="150" t="s">
        <v>296</v>
      </c>
      <c r="Q36" s="55">
        <v>0.37638888888888888</v>
      </c>
      <c r="R36" s="148">
        <v>0.41805555555555557</v>
      </c>
      <c r="S36" s="55">
        <v>0.45972222222222198</v>
      </c>
      <c r="T36" s="148">
        <v>0.50138888888888899</v>
      </c>
      <c r="U36" s="55">
        <v>0.54305555555555596</v>
      </c>
      <c r="V36" s="148">
        <v>0.58472222222222203</v>
      </c>
      <c r="W36" s="55">
        <v>0.62638888888888899</v>
      </c>
      <c r="X36" s="148">
        <v>0.66805555555555596</v>
      </c>
      <c r="Y36" s="55">
        <v>0.70972222222222203</v>
      </c>
      <c r="Z36" s="149">
        <v>0.75138888888888899</v>
      </c>
      <c r="AA36" s="115"/>
    </row>
    <row r="37" spans="1:27" ht="18.95" customHeight="1" x14ac:dyDescent="0.15">
      <c r="A37" s="742"/>
      <c r="B37" s="103" t="s">
        <v>52</v>
      </c>
      <c r="C37" s="164">
        <v>6.9444444444444447E-4</v>
      </c>
      <c r="D37" s="160">
        <v>0.33680555555555558</v>
      </c>
      <c r="E37" s="148">
        <v>0.37638888888888888</v>
      </c>
      <c r="F37" s="160" t="s">
        <v>19</v>
      </c>
      <c r="G37" s="148">
        <v>0.45972222222222198</v>
      </c>
      <c r="H37" s="160" t="s">
        <v>19</v>
      </c>
      <c r="I37" s="148">
        <v>0.54305555555555596</v>
      </c>
      <c r="J37" s="160" t="s">
        <v>19</v>
      </c>
      <c r="K37" s="148">
        <v>0.62638888888888899</v>
      </c>
      <c r="L37" s="160" t="s">
        <v>19</v>
      </c>
      <c r="M37" s="149">
        <v>0.70972222222222203</v>
      </c>
      <c r="N37" s="3"/>
      <c r="O37" s="746"/>
      <c r="P37" s="151" t="s">
        <v>295</v>
      </c>
      <c r="Q37" s="166">
        <v>0.37708333333333338</v>
      </c>
      <c r="R37" s="167">
        <v>0.41875000000000001</v>
      </c>
      <c r="S37" s="166">
        <v>0.46041666666666697</v>
      </c>
      <c r="T37" s="167">
        <v>0.50208333333333299</v>
      </c>
      <c r="U37" s="166">
        <v>0.54374999999999996</v>
      </c>
      <c r="V37" s="167">
        <v>0.58541666666666703</v>
      </c>
      <c r="W37" s="166">
        <v>0.62708333333333299</v>
      </c>
      <c r="X37" s="167">
        <v>0.66874999999999996</v>
      </c>
      <c r="Y37" s="166">
        <v>0.71041666666666703</v>
      </c>
      <c r="Z37" s="168">
        <v>0.75208333333333299</v>
      </c>
      <c r="AA37" s="115"/>
    </row>
    <row r="38" spans="1:27" ht="18.95" customHeight="1" x14ac:dyDescent="0.15">
      <c r="A38" s="742"/>
      <c r="B38" s="103" t="s">
        <v>294</v>
      </c>
      <c r="C38" s="164">
        <v>6.9444444444444447E-4</v>
      </c>
      <c r="D38" s="160" t="s">
        <v>19</v>
      </c>
      <c r="E38" s="148" t="s">
        <v>19</v>
      </c>
      <c r="F38" s="160">
        <v>0.41736111111111113</v>
      </c>
      <c r="G38" s="148" t="s">
        <v>19</v>
      </c>
      <c r="H38" s="160">
        <v>0.500694444444444</v>
      </c>
      <c r="I38" s="148" t="s">
        <v>19</v>
      </c>
      <c r="J38" s="160">
        <v>0.58402777777777803</v>
      </c>
      <c r="K38" s="148" t="s">
        <v>19</v>
      </c>
      <c r="L38" s="160">
        <v>0.66736111111111096</v>
      </c>
      <c r="M38" s="149" t="s">
        <v>19</v>
      </c>
      <c r="N38" s="3"/>
      <c r="O38" s="747"/>
      <c r="P38" s="169" t="s">
        <v>293</v>
      </c>
      <c r="Q38" s="170">
        <v>0.37986111111111115</v>
      </c>
      <c r="R38" s="148">
        <v>0.42152777777777778</v>
      </c>
      <c r="S38" s="55">
        <v>0.46319444444444402</v>
      </c>
      <c r="T38" s="148">
        <v>0.50486111111111098</v>
      </c>
      <c r="U38" s="55">
        <v>0.54652777777777795</v>
      </c>
      <c r="V38" s="148">
        <v>0.58819444444444402</v>
      </c>
      <c r="W38" s="55">
        <v>0.62986111111111098</v>
      </c>
      <c r="X38" s="148">
        <v>0.67152777777777795</v>
      </c>
      <c r="Y38" s="55">
        <v>0.71319444444444402</v>
      </c>
      <c r="Z38" s="149">
        <v>0.75486111111111098</v>
      </c>
      <c r="AA38" s="115"/>
    </row>
    <row r="39" spans="1:27" ht="18.95" customHeight="1" x14ac:dyDescent="0.15">
      <c r="A39" s="742"/>
      <c r="B39" s="103" t="s">
        <v>292</v>
      </c>
      <c r="C39" s="164">
        <v>6.9444444444444447E-4</v>
      </c>
      <c r="D39" s="160" t="s">
        <v>19</v>
      </c>
      <c r="E39" s="148" t="s">
        <v>19</v>
      </c>
      <c r="F39" s="160">
        <v>0.41805555555555557</v>
      </c>
      <c r="G39" s="148" t="s">
        <v>19</v>
      </c>
      <c r="H39" s="160">
        <v>0.50138888888888899</v>
      </c>
      <c r="I39" s="148" t="s">
        <v>19</v>
      </c>
      <c r="J39" s="160">
        <v>0.58472222222222203</v>
      </c>
      <c r="K39" s="148" t="s">
        <v>19</v>
      </c>
      <c r="L39" s="160">
        <v>0.66805555555555596</v>
      </c>
      <c r="M39" s="149" t="s">
        <v>19</v>
      </c>
      <c r="N39" s="3"/>
      <c r="O39" s="746"/>
      <c r="P39" s="171" t="s">
        <v>291</v>
      </c>
      <c r="Q39" s="170">
        <v>0.38194444444444442</v>
      </c>
      <c r="R39" s="148">
        <v>0.4236111111111111</v>
      </c>
      <c r="S39" s="55">
        <v>0.46527777777777801</v>
      </c>
      <c r="T39" s="148">
        <v>0.50694444444444497</v>
      </c>
      <c r="U39" s="55">
        <v>0.54861111111111105</v>
      </c>
      <c r="V39" s="148">
        <v>0.59027777777777801</v>
      </c>
      <c r="W39" s="55">
        <v>0.63194444444444398</v>
      </c>
      <c r="X39" s="148">
        <v>0.67361111111111105</v>
      </c>
      <c r="Y39" s="55">
        <v>0.71527777777777801</v>
      </c>
      <c r="Z39" s="149">
        <v>0.75694444444444497</v>
      </c>
      <c r="AA39" s="115"/>
    </row>
    <row r="40" spans="1:27" ht="18.95" customHeight="1" x14ac:dyDescent="0.15">
      <c r="A40" s="742"/>
      <c r="B40" s="103" t="s">
        <v>290</v>
      </c>
      <c r="C40" s="164">
        <v>6.9444444444444447E-4</v>
      </c>
      <c r="D40" s="160" t="s">
        <v>19</v>
      </c>
      <c r="E40" s="148" t="s">
        <v>19</v>
      </c>
      <c r="F40" s="160">
        <v>0.41875000000000001</v>
      </c>
      <c r="G40" s="148" t="s">
        <v>19</v>
      </c>
      <c r="H40" s="160">
        <v>0.50208333333333299</v>
      </c>
      <c r="I40" s="148" t="s">
        <v>19</v>
      </c>
      <c r="J40" s="160">
        <v>0.58541666666666703</v>
      </c>
      <c r="K40" s="148" t="s">
        <v>19</v>
      </c>
      <c r="L40" s="160">
        <v>0.66874999999999996</v>
      </c>
      <c r="M40" s="149" t="s">
        <v>19</v>
      </c>
      <c r="N40" s="3"/>
      <c r="O40" s="746"/>
      <c r="P40" s="172" t="s">
        <v>289</v>
      </c>
      <c r="Q40" s="55">
        <v>0.38263888888888892</v>
      </c>
      <c r="R40" s="148">
        <v>0.42430555555555555</v>
      </c>
      <c r="S40" s="55">
        <v>0.46597222222222201</v>
      </c>
      <c r="T40" s="148">
        <v>0.50763888888888897</v>
      </c>
      <c r="U40" s="55">
        <v>0.54930555555555605</v>
      </c>
      <c r="V40" s="148">
        <v>0.59097222222222201</v>
      </c>
      <c r="W40" s="55">
        <v>0.63263888888888897</v>
      </c>
      <c r="X40" s="148">
        <v>0.67430555555555605</v>
      </c>
      <c r="Y40" s="55">
        <v>0.71597222222222301</v>
      </c>
      <c r="Z40" s="149">
        <v>0.75763888888888897</v>
      </c>
      <c r="AA40" s="115"/>
    </row>
    <row r="41" spans="1:27" ht="18.95" customHeight="1" x14ac:dyDescent="0.15">
      <c r="A41" s="742"/>
      <c r="B41" s="103" t="s">
        <v>288</v>
      </c>
      <c r="C41" s="164">
        <v>6.9444444444444447E-4</v>
      </c>
      <c r="D41" s="160" t="s">
        <v>19</v>
      </c>
      <c r="E41" s="148" t="s">
        <v>19</v>
      </c>
      <c r="F41" s="160">
        <v>0.41944444444444445</v>
      </c>
      <c r="G41" s="148" t="s">
        <v>19</v>
      </c>
      <c r="H41" s="160">
        <v>0.50277777777777799</v>
      </c>
      <c r="I41" s="148" t="s">
        <v>19</v>
      </c>
      <c r="J41" s="160">
        <v>0.58611111111111103</v>
      </c>
      <c r="K41" s="148" t="s">
        <v>19</v>
      </c>
      <c r="L41" s="160">
        <v>0.66944444444444495</v>
      </c>
      <c r="M41" s="149" t="s">
        <v>19</v>
      </c>
      <c r="N41" s="3"/>
      <c r="O41" s="746"/>
      <c r="P41" s="173" t="s">
        <v>287</v>
      </c>
      <c r="Q41" s="55">
        <v>0.38263888888888892</v>
      </c>
      <c r="R41" s="148">
        <v>0.42430555555555555</v>
      </c>
      <c r="S41" s="55">
        <v>0.46597222222222201</v>
      </c>
      <c r="T41" s="148">
        <v>0.50763888888888897</v>
      </c>
      <c r="U41" s="55">
        <v>0.54930555555555605</v>
      </c>
      <c r="V41" s="148">
        <v>0.59097222222222201</v>
      </c>
      <c r="W41" s="55">
        <v>0.63263888888888897</v>
      </c>
      <c r="X41" s="148">
        <v>0.67430555555555605</v>
      </c>
      <c r="Y41" s="55">
        <v>0.71597222222222301</v>
      </c>
      <c r="Z41" s="149">
        <v>0.75763888888888897</v>
      </c>
      <c r="AA41" s="115"/>
    </row>
    <row r="42" spans="1:27" ht="18.95" customHeight="1" x14ac:dyDescent="0.15">
      <c r="A42" s="742"/>
      <c r="B42" s="103" t="s">
        <v>286</v>
      </c>
      <c r="C42" s="164">
        <v>6.9444444444444447E-4</v>
      </c>
      <c r="D42" s="160" t="s">
        <v>19</v>
      </c>
      <c r="E42" s="148" t="s">
        <v>19</v>
      </c>
      <c r="F42" s="160">
        <v>0.42083333333333334</v>
      </c>
      <c r="G42" s="148" t="s">
        <v>19</v>
      </c>
      <c r="H42" s="160">
        <v>0.50416666666666698</v>
      </c>
      <c r="I42" s="148" t="s">
        <v>19</v>
      </c>
      <c r="J42" s="160">
        <v>0.58750000000000002</v>
      </c>
      <c r="K42" s="148" t="s">
        <v>19</v>
      </c>
      <c r="L42" s="160">
        <v>0.67083333333333295</v>
      </c>
      <c r="M42" s="149" t="s">
        <v>19</v>
      </c>
      <c r="N42" s="3"/>
      <c r="O42" s="746"/>
      <c r="P42" s="173" t="s">
        <v>235</v>
      </c>
      <c r="Q42" s="55" t="s">
        <v>19</v>
      </c>
      <c r="R42" s="148">
        <v>0.42499999999999999</v>
      </c>
      <c r="S42" s="55" t="s">
        <v>19</v>
      </c>
      <c r="T42" s="148">
        <v>0.5083333333333333</v>
      </c>
      <c r="U42" s="55" t="s">
        <v>19</v>
      </c>
      <c r="V42" s="148">
        <v>0.59166666666666667</v>
      </c>
      <c r="W42" s="55" t="s">
        <v>19</v>
      </c>
      <c r="X42" s="148">
        <v>0.67499999999999993</v>
      </c>
      <c r="Y42" s="55" t="s">
        <v>19</v>
      </c>
      <c r="Z42" s="149">
        <v>0.7583333333333333</v>
      </c>
      <c r="AA42" s="115"/>
    </row>
    <row r="43" spans="1:27" ht="18.95" customHeight="1" x14ac:dyDescent="0.15">
      <c r="A43" s="742"/>
      <c r="B43" s="103" t="s">
        <v>285</v>
      </c>
      <c r="C43" s="164">
        <v>6.9444444444444447E-4</v>
      </c>
      <c r="D43" s="160" t="s">
        <v>19</v>
      </c>
      <c r="E43" s="15">
        <v>0.37986111111111115</v>
      </c>
      <c r="F43" s="160">
        <v>0.42152777777777778</v>
      </c>
      <c r="G43" s="15">
        <v>0.46319444444444402</v>
      </c>
      <c r="H43" s="160">
        <v>0.50486111111111098</v>
      </c>
      <c r="I43" s="15">
        <v>0.54652777777777795</v>
      </c>
      <c r="J43" s="160">
        <v>0.58819444444444402</v>
      </c>
      <c r="K43" s="15">
        <v>0.62986111111111098</v>
      </c>
      <c r="L43" s="160">
        <v>0.67152777777777795</v>
      </c>
      <c r="M43" s="165">
        <v>0.71319444444444402</v>
      </c>
      <c r="N43" s="3"/>
      <c r="O43" s="746"/>
      <c r="P43" s="173" t="s">
        <v>234</v>
      </c>
      <c r="Q43" s="52" t="s">
        <v>19</v>
      </c>
      <c r="R43" s="154">
        <v>0.42569444444444443</v>
      </c>
      <c r="S43" s="52" t="s">
        <v>19</v>
      </c>
      <c r="T43" s="154">
        <v>0.50902777777777775</v>
      </c>
      <c r="U43" s="52" t="s">
        <v>19</v>
      </c>
      <c r="V43" s="154">
        <v>0.59236111111111112</v>
      </c>
      <c r="W43" s="52" t="s">
        <v>19</v>
      </c>
      <c r="X43" s="154">
        <v>0.67569444444444438</v>
      </c>
      <c r="Y43" s="52" t="s">
        <v>19</v>
      </c>
      <c r="Z43" s="149">
        <v>0.75902777777777775</v>
      </c>
      <c r="AA43" s="155"/>
    </row>
    <row r="44" spans="1:27" ht="18.95" customHeight="1" x14ac:dyDescent="0.15">
      <c r="A44" s="742"/>
      <c r="B44" s="103" t="s">
        <v>284</v>
      </c>
      <c r="C44" s="164"/>
      <c r="D44" s="160">
        <v>0.33888888888888885</v>
      </c>
      <c r="E44" s="15">
        <v>0.38125000000000003</v>
      </c>
      <c r="F44" s="160">
        <v>0.42291666666666666</v>
      </c>
      <c r="G44" s="15">
        <v>0.46458333333333302</v>
      </c>
      <c r="H44" s="160">
        <v>0.50624999999999998</v>
      </c>
      <c r="I44" s="15">
        <v>0.54791666666666705</v>
      </c>
      <c r="J44" s="160">
        <v>0.58958333333333302</v>
      </c>
      <c r="K44" s="15">
        <v>0.63124999999999998</v>
      </c>
      <c r="L44" s="160">
        <v>0.67291666666666705</v>
      </c>
      <c r="M44" s="165">
        <v>0.71458333333333324</v>
      </c>
      <c r="N44" s="3"/>
      <c r="O44" s="746"/>
      <c r="P44" s="173" t="s">
        <v>233</v>
      </c>
      <c r="Q44" s="52" t="s">
        <v>19</v>
      </c>
      <c r="R44" s="154">
        <v>0.42569444444444443</v>
      </c>
      <c r="S44" s="52" t="s">
        <v>19</v>
      </c>
      <c r="T44" s="154">
        <v>0.50902777777777775</v>
      </c>
      <c r="U44" s="52" t="s">
        <v>19</v>
      </c>
      <c r="V44" s="154">
        <v>0.59236111111111112</v>
      </c>
      <c r="W44" s="52" t="s">
        <v>19</v>
      </c>
      <c r="X44" s="154">
        <v>0.67569444444444438</v>
      </c>
      <c r="Y44" s="52" t="s">
        <v>19</v>
      </c>
      <c r="Z44" s="149">
        <v>0.75902777777777775</v>
      </c>
      <c r="AA44" s="155"/>
    </row>
    <row r="45" spans="1:27" ht="18.95" customHeight="1" x14ac:dyDescent="0.15">
      <c r="A45" s="742"/>
      <c r="B45" s="109" t="s">
        <v>91</v>
      </c>
      <c r="C45" s="164">
        <v>6.9444444444444447E-4</v>
      </c>
      <c r="D45" s="160" t="s">
        <v>315</v>
      </c>
      <c r="E45" s="148">
        <v>0.38194444444444398</v>
      </c>
      <c r="F45" s="55">
        <v>0.4236111111111111</v>
      </c>
      <c r="G45" s="148">
        <v>0.46527777777777701</v>
      </c>
      <c r="H45" s="160">
        <v>0.50694444444444398</v>
      </c>
      <c r="I45" s="148">
        <v>0.54861111111111105</v>
      </c>
      <c r="J45" s="160">
        <v>0.59027777777777801</v>
      </c>
      <c r="K45" s="148">
        <v>0.63194444444444398</v>
      </c>
      <c r="L45" s="160">
        <v>0.67361111111111105</v>
      </c>
      <c r="M45" s="149">
        <v>0.71527777777777701</v>
      </c>
      <c r="N45" s="3"/>
      <c r="O45" s="746"/>
      <c r="P45" s="173" t="s">
        <v>283</v>
      </c>
      <c r="Q45" s="52" t="s">
        <v>19</v>
      </c>
      <c r="R45" s="154">
        <v>0.42638888888888887</v>
      </c>
      <c r="S45" s="52" t="s">
        <v>19</v>
      </c>
      <c r="T45" s="154">
        <v>0.50972222222222219</v>
      </c>
      <c r="U45" s="52" t="s">
        <v>19</v>
      </c>
      <c r="V45" s="154">
        <v>0.59305555555555556</v>
      </c>
      <c r="W45" s="52" t="s">
        <v>19</v>
      </c>
      <c r="X45" s="154">
        <v>0.67638888888888893</v>
      </c>
      <c r="Y45" s="52" t="s">
        <v>19</v>
      </c>
      <c r="Z45" s="149">
        <v>0.7597222222222223</v>
      </c>
      <c r="AA45" s="155"/>
    </row>
    <row r="46" spans="1:27" ht="18.95" customHeight="1" x14ac:dyDescent="0.15">
      <c r="A46" s="742"/>
      <c r="B46" s="38" t="s">
        <v>282</v>
      </c>
      <c r="C46" s="153"/>
      <c r="D46" s="160" t="s">
        <v>315</v>
      </c>
      <c r="E46" s="148">
        <v>0.3840277777777778</v>
      </c>
      <c r="F46" s="55">
        <v>0.42569444444444443</v>
      </c>
      <c r="G46" s="148">
        <v>0.46736111111111101</v>
      </c>
      <c r="H46" s="55">
        <v>0.50902777777777797</v>
      </c>
      <c r="I46" s="148">
        <v>0.55069444444444404</v>
      </c>
      <c r="J46" s="55">
        <v>0.59236111111111101</v>
      </c>
      <c r="K46" s="148">
        <v>0.63402777777777797</v>
      </c>
      <c r="L46" s="55">
        <v>0.67569444444444404</v>
      </c>
      <c r="M46" s="149">
        <v>0.71736111111111101</v>
      </c>
      <c r="N46" s="3"/>
      <c r="O46" s="746"/>
      <c r="P46" s="173" t="s">
        <v>279</v>
      </c>
      <c r="Q46" s="52">
        <v>0.38472222222222219</v>
      </c>
      <c r="R46" s="154">
        <v>0.42708333333333331</v>
      </c>
      <c r="S46" s="52">
        <v>0.468055555555556</v>
      </c>
      <c r="T46" s="154">
        <v>0.51041666666666663</v>
      </c>
      <c r="U46" s="52">
        <v>0.55138888888888904</v>
      </c>
      <c r="V46" s="154">
        <v>0.59375</v>
      </c>
      <c r="W46" s="52">
        <v>0.63472222222222197</v>
      </c>
      <c r="X46" s="154">
        <v>0.67708333333333337</v>
      </c>
      <c r="Y46" s="52">
        <v>0.718055555555556</v>
      </c>
      <c r="Z46" s="149">
        <v>0.76041666666666663</v>
      </c>
      <c r="AA46" s="155"/>
    </row>
    <row r="47" spans="1:27" ht="18.95" customHeight="1" x14ac:dyDescent="0.15">
      <c r="A47" s="742"/>
      <c r="B47" s="112" t="s">
        <v>280</v>
      </c>
      <c r="C47" s="147"/>
      <c r="D47" s="160" t="s">
        <v>315</v>
      </c>
      <c r="E47" s="148">
        <v>0.38472222222222219</v>
      </c>
      <c r="F47" s="55">
        <v>0.42638888888888887</v>
      </c>
      <c r="G47" s="148">
        <v>0.468055555555556</v>
      </c>
      <c r="H47" s="55">
        <v>0.50972222222222197</v>
      </c>
      <c r="I47" s="148">
        <v>0.55138888888888904</v>
      </c>
      <c r="J47" s="55">
        <v>0.593055555555556</v>
      </c>
      <c r="K47" s="148">
        <v>0.63472222222222197</v>
      </c>
      <c r="L47" s="55">
        <v>0.67638888888888904</v>
      </c>
      <c r="M47" s="149">
        <v>0.71805555555555556</v>
      </c>
      <c r="N47" s="3"/>
      <c r="O47" s="746"/>
      <c r="P47" s="173" t="s">
        <v>277</v>
      </c>
      <c r="Q47" s="55">
        <v>0.38541666666666669</v>
      </c>
      <c r="R47" s="148">
        <v>0.42777777777777781</v>
      </c>
      <c r="S47" s="55">
        <v>0.46875</v>
      </c>
      <c r="T47" s="148">
        <v>0.51111111111111118</v>
      </c>
      <c r="U47" s="55">
        <v>0.55208333333333304</v>
      </c>
      <c r="V47" s="148">
        <v>0.59444444444444444</v>
      </c>
      <c r="W47" s="55">
        <v>0.63541666666666696</v>
      </c>
      <c r="X47" s="148">
        <v>0.6777777777777777</v>
      </c>
      <c r="Y47" s="55">
        <v>0.71875</v>
      </c>
      <c r="Z47" s="149">
        <v>0.76111111111111107</v>
      </c>
      <c r="AA47" s="115"/>
    </row>
    <row r="48" spans="1:27" ht="18.95" customHeight="1" thickBot="1" x14ac:dyDescent="0.2">
      <c r="A48" s="742"/>
      <c r="B48" s="103" t="s">
        <v>278</v>
      </c>
      <c r="C48" s="147"/>
      <c r="D48" s="160" t="s">
        <v>315</v>
      </c>
      <c r="E48" s="148">
        <v>0.38611111111111113</v>
      </c>
      <c r="F48" s="55">
        <v>0.42777777777777781</v>
      </c>
      <c r="G48" s="148">
        <v>0.469444444444444</v>
      </c>
      <c r="H48" s="55">
        <v>0.51111111111111096</v>
      </c>
      <c r="I48" s="148">
        <v>0.55277777777777803</v>
      </c>
      <c r="J48" s="55">
        <v>0.594444444444444</v>
      </c>
      <c r="K48" s="148">
        <v>0.63611111111111096</v>
      </c>
      <c r="L48" s="55">
        <v>0.67777777777777803</v>
      </c>
      <c r="M48" s="149">
        <v>0.71944444444444444</v>
      </c>
      <c r="N48" s="3"/>
      <c r="O48" s="748"/>
      <c r="P48" s="174" t="s">
        <v>219</v>
      </c>
      <c r="Q48" s="175">
        <v>0.38611111111111113</v>
      </c>
      <c r="R48" s="176">
        <v>0.4284722222222222</v>
      </c>
      <c r="S48" s="175">
        <v>0.469444444444444</v>
      </c>
      <c r="T48" s="176">
        <v>0.51180555555555551</v>
      </c>
      <c r="U48" s="175">
        <v>0.55277777777777803</v>
      </c>
      <c r="V48" s="176">
        <v>0.59513888888888888</v>
      </c>
      <c r="W48" s="175">
        <v>0.63611111111111096</v>
      </c>
      <c r="X48" s="176">
        <v>0.67847222222222225</v>
      </c>
      <c r="Y48" s="175">
        <v>0.719444444444444</v>
      </c>
      <c r="Z48" s="177">
        <v>0.76180555555555562</v>
      </c>
      <c r="AA48" s="115"/>
    </row>
    <row r="49" spans="1:27" ht="18.95" customHeight="1" thickBot="1" x14ac:dyDescent="0.2">
      <c r="A49" s="744"/>
      <c r="B49" s="178" t="s">
        <v>276</v>
      </c>
      <c r="C49" s="179"/>
      <c r="D49" s="180" t="s">
        <v>315</v>
      </c>
      <c r="E49" s="176">
        <v>0.38750000000000001</v>
      </c>
      <c r="F49" s="175">
        <v>0.4291666666666667</v>
      </c>
      <c r="G49" s="176">
        <v>0.47083333333333299</v>
      </c>
      <c r="H49" s="175">
        <v>0.51249999999999996</v>
      </c>
      <c r="I49" s="176">
        <v>0.55416666666666703</v>
      </c>
      <c r="J49" s="175">
        <v>0.59583333333333299</v>
      </c>
      <c r="K49" s="176">
        <v>0.63749999999999996</v>
      </c>
      <c r="L49" s="175">
        <v>0.67916666666666703</v>
      </c>
      <c r="M49" s="177">
        <v>0.72083333333333333</v>
      </c>
      <c r="N49" s="3"/>
      <c r="O49" s="181"/>
      <c r="P49" s="182"/>
      <c r="Q49" s="183"/>
      <c r="R49" s="183"/>
      <c r="S49" s="183"/>
      <c r="T49" s="183"/>
      <c r="U49" s="183"/>
      <c r="V49" s="183"/>
      <c r="W49" s="183"/>
      <c r="X49" s="183"/>
      <c r="Y49" s="183"/>
      <c r="Z49" s="183"/>
      <c r="AA49" s="115"/>
    </row>
    <row r="50" spans="1:27" ht="13.5" customHeight="1" x14ac:dyDescent="0.15">
      <c r="A50" s="3"/>
      <c r="B50" s="3"/>
      <c r="C50" s="3"/>
      <c r="D50" s="3"/>
      <c r="F50" s="3"/>
      <c r="H50" s="3"/>
      <c r="J50" s="3"/>
      <c r="L50" s="3"/>
      <c r="M50" s="132"/>
      <c r="N50" s="3"/>
      <c r="O50" s="3"/>
      <c r="P50" s="3"/>
      <c r="Q50" s="3"/>
      <c r="S50" s="184"/>
      <c r="Z50" s="3"/>
    </row>
    <row r="51" spans="1:27" x14ac:dyDescent="0.15">
      <c r="M51" s="132"/>
      <c r="O51" s="3"/>
      <c r="P51" s="3"/>
      <c r="Q51" s="3"/>
      <c r="S51" s="184"/>
      <c r="Z51" s="3"/>
    </row>
    <row r="52" spans="1:27" x14ac:dyDescent="0.15">
      <c r="M52" s="132"/>
      <c r="O52" s="3"/>
      <c r="P52" s="3"/>
      <c r="Q52" s="3"/>
      <c r="S52" s="184"/>
      <c r="Z52" s="3"/>
    </row>
    <row r="53" spans="1:27" x14ac:dyDescent="0.15">
      <c r="M53" s="132"/>
    </row>
    <row r="54" spans="1:27" x14ac:dyDescent="0.15">
      <c r="M54" s="132"/>
    </row>
    <row r="55" spans="1:27" x14ac:dyDescent="0.15">
      <c r="M55" s="132"/>
    </row>
    <row r="56" spans="1:27" x14ac:dyDescent="0.15">
      <c r="M56" s="132"/>
    </row>
    <row r="57" spans="1:27" x14ac:dyDescent="0.15">
      <c r="M57" s="132"/>
    </row>
    <row r="58" spans="1:27" x14ac:dyDescent="0.15">
      <c r="M58" s="132"/>
    </row>
    <row r="59" spans="1:27" x14ac:dyDescent="0.15">
      <c r="M59" s="132"/>
    </row>
    <row r="60" spans="1:27" x14ac:dyDescent="0.15">
      <c r="M60" s="132"/>
    </row>
    <row r="61" spans="1:27" x14ac:dyDescent="0.15">
      <c r="M61" s="132"/>
    </row>
    <row r="62" spans="1:27" x14ac:dyDescent="0.15">
      <c r="M62" s="132"/>
    </row>
    <row r="63" spans="1:27" x14ac:dyDescent="0.15">
      <c r="M63" s="132"/>
    </row>
    <row r="64" spans="1:27" x14ac:dyDescent="0.15">
      <c r="M64" s="132"/>
    </row>
    <row r="65" spans="13:13" x14ac:dyDescent="0.15">
      <c r="M65" s="132"/>
    </row>
    <row r="66" spans="13:13" x14ac:dyDescent="0.15">
      <c r="M66" s="132"/>
    </row>
    <row r="67" spans="13:13" x14ac:dyDescent="0.15">
      <c r="M67" s="132"/>
    </row>
    <row r="68" spans="13:13" x14ac:dyDescent="0.15">
      <c r="M68" s="132"/>
    </row>
    <row r="69" spans="13:13" x14ac:dyDescent="0.15">
      <c r="M69" s="132"/>
    </row>
    <row r="70" spans="13:13" x14ac:dyDescent="0.15">
      <c r="M70" s="132"/>
    </row>
    <row r="71" spans="13:13" x14ac:dyDescent="0.15">
      <c r="M71" s="132"/>
    </row>
    <row r="72" spans="13:13" x14ac:dyDescent="0.15">
      <c r="M72" s="132"/>
    </row>
    <row r="73" spans="13:13" x14ac:dyDescent="0.15">
      <c r="M73" s="132"/>
    </row>
    <row r="74" spans="13:13" x14ac:dyDescent="0.15">
      <c r="M74" s="132"/>
    </row>
    <row r="75" spans="13:13" x14ac:dyDescent="0.15">
      <c r="M75" s="132"/>
    </row>
    <row r="76" spans="13:13" x14ac:dyDescent="0.15">
      <c r="M76" s="132"/>
    </row>
    <row r="77" spans="13:13" x14ac:dyDescent="0.15">
      <c r="M77" s="132"/>
    </row>
    <row r="78" spans="13:13" x14ac:dyDescent="0.15">
      <c r="M78" s="132"/>
    </row>
    <row r="79" spans="13:13" x14ac:dyDescent="0.15">
      <c r="M79" s="132"/>
    </row>
    <row r="80" spans="13:13" x14ac:dyDescent="0.15">
      <c r="M80" s="132"/>
    </row>
    <row r="81" spans="13:13" x14ac:dyDescent="0.15">
      <c r="M81" s="132"/>
    </row>
    <row r="82" spans="13:13" x14ac:dyDescent="0.15">
      <c r="M82" s="132"/>
    </row>
    <row r="83" spans="13:13" x14ac:dyDescent="0.15">
      <c r="M83" s="132"/>
    </row>
    <row r="84" spans="13:13" x14ac:dyDescent="0.15">
      <c r="M84" s="132"/>
    </row>
    <row r="85" spans="13:13" x14ac:dyDescent="0.15">
      <c r="M85" s="132"/>
    </row>
    <row r="86" spans="13:13" x14ac:dyDescent="0.15">
      <c r="M86" s="132"/>
    </row>
    <row r="87" spans="13:13" x14ac:dyDescent="0.15">
      <c r="M87" s="132"/>
    </row>
    <row r="88" spans="13:13" x14ac:dyDescent="0.15">
      <c r="M88" s="132"/>
    </row>
    <row r="89" spans="13:13" x14ac:dyDescent="0.15">
      <c r="M89" s="132"/>
    </row>
    <row r="90" spans="13:13" x14ac:dyDescent="0.15">
      <c r="M90" s="132"/>
    </row>
    <row r="91" spans="13:13" x14ac:dyDescent="0.15">
      <c r="M91" s="132"/>
    </row>
    <row r="92" spans="13:13" x14ac:dyDescent="0.15">
      <c r="M92" s="132"/>
    </row>
    <row r="93" spans="13:13" x14ac:dyDescent="0.15">
      <c r="M93" s="132"/>
    </row>
    <row r="94" spans="13:13" x14ac:dyDescent="0.15">
      <c r="M94" s="132"/>
    </row>
    <row r="95" spans="13:13" x14ac:dyDescent="0.15">
      <c r="M95" s="132"/>
    </row>
    <row r="96" spans="13:13" x14ac:dyDescent="0.15">
      <c r="M96" s="132"/>
    </row>
    <row r="97" spans="13:13" x14ac:dyDescent="0.15">
      <c r="M97" s="132"/>
    </row>
    <row r="98" spans="13:13" x14ac:dyDescent="0.15">
      <c r="M98" s="132"/>
    </row>
    <row r="99" spans="13:13" x14ac:dyDescent="0.15">
      <c r="M99" s="132"/>
    </row>
    <row r="100" spans="13:13" x14ac:dyDescent="0.15">
      <c r="M100" s="132"/>
    </row>
    <row r="101" spans="13:13" x14ac:dyDescent="0.15">
      <c r="M101" s="132"/>
    </row>
    <row r="102" spans="13:13" x14ac:dyDescent="0.15">
      <c r="M102" s="132"/>
    </row>
    <row r="103" spans="13:13" x14ac:dyDescent="0.15">
      <c r="M103" s="132"/>
    </row>
    <row r="104" spans="13:13" x14ac:dyDescent="0.15">
      <c r="M104" s="132"/>
    </row>
    <row r="105" spans="13:13" x14ac:dyDescent="0.15">
      <c r="M105" s="132"/>
    </row>
    <row r="106" spans="13:13" x14ac:dyDescent="0.15">
      <c r="M106" s="132"/>
    </row>
    <row r="107" spans="13:13" x14ac:dyDescent="0.15">
      <c r="M107" s="132"/>
    </row>
    <row r="108" spans="13:13" x14ac:dyDescent="0.15">
      <c r="M108" s="132"/>
    </row>
    <row r="109" spans="13:13" x14ac:dyDescent="0.15">
      <c r="M109" s="132"/>
    </row>
    <row r="110" spans="13:13" x14ac:dyDescent="0.15">
      <c r="M110" s="132"/>
    </row>
    <row r="111" spans="13:13" x14ac:dyDescent="0.15">
      <c r="M111" s="132"/>
    </row>
    <row r="112" spans="13:13" x14ac:dyDescent="0.15">
      <c r="M112" s="132"/>
    </row>
    <row r="113" spans="13:13" x14ac:dyDescent="0.15">
      <c r="M113" s="132"/>
    </row>
    <row r="114" spans="13:13" x14ac:dyDescent="0.15">
      <c r="M114" s="132"/>
    </row>
    <row r="115" spans="13:13" x14ac:dyDescent="0.15">
      <c r="M115" s="132"/>
    </row>
    <row r="116" spans="13:13" x14ac:dyDescent="0.15">
      <c r="M116" s="132"/>
    </row>
    <row r="117" spans="13:13" x14ac:dyDescent="0.15">
      <c r="M117" s="132"/>
    </row>
    <row r="118" spans="13:13" x14ac:dyDescent="0.15">
      <c r="M118" s="132"/>
    </row>
    <row r="119" spans="13:13" x14ac:dyDescent="0.15">
      <c r="M119" s="132"/>
    </row>
    <row r="120" spans="13:13" x14ac:dyDescent="0.15">
      <c r="M120" s="132"/>
    </row>
    <row r="121" spans="13:13" x14ac:dyDescent="0.15">
      <c r="M121" s="132"/>
    </row>
    <row r="122" spans="13:13" x14ac:dyDescent="0.15">
      <c r="M122" s="132"/>
    </row>
    <row r="123" spans="13:13" x14ac:dyDescent="0.15">
      <c r="M123" s="132"/>
    </row>
    <row r="124" spans="13:13" x14ac:dyDescent="0.15">
      <c r="M124" s="132"/>
    </row>
    <row r="125" spans="13:13" x14ac:dyDescent="0.15">
      <c r="M125" s="132"/>
    </row>
    <row r="126" spans="13:13" x14ac:dyDescent="0.15">
      <c r="M126" s="132"/>
    </row>
    <row r="127" spans="13:13" x14ac:dyDescent="0.15">
      <c r="M127" s="132"/>
    </row>
    <row r="128" spans="13:13" x14ac:dyDescent="0.15">
      <c r="M128" s="132"/>
    </row>
    <row r="129" spans="13:13" x14ac:dyDescent="0.15">
      <c r="M129" s="132"/>
    </row>
    <row r="130" spans="13:13" x14ac:dyDescent="0.15">
      <c r="M130" s="132"/>
    </row>
    <row r="131" spans="13:13" x14ac:dyDescent="0.15">
      <c r="M131" s="132"/>
    </row>
    <row r="132" spans="13:13" x14ac:dyDescent="0.15">
      <c r="M132" s="132"/>
    </row>
    <row r="133" spans="13:13" x14ac:dyDescent="0.15">
      <c r="M133" s="132"/>
    </row>
    <row r="134" spans="13:13" x14ac:dyDescent="0.15">
      <c r="M134" s="132"/>
    </row>
    <row r="135" spans="13:13" x14ac:dyDescent="0.15">
      <c r="M135" s="132"/>
    </row>
    <row r="136" spans="13:13" x14ac:dyDescent="0.15">
      <c r="M136" s="132"/>
    </row>
    <row r="137" spans="13:13" x14ac:dyDescent="0.15">
      <c r="M137" s="132"/>
    </row>
    <row r="138" spans="13:13" x14ac:dyDescent="0.15">
      <c r="M138" s="132"/>
    </row>
    <row r="139" spans="13:13" x14ac:dyDescent="0.15">
      <c r="M139" s="132"/>
    </row>
    <row r="140" spans="13:13" x14ac:dyDescent="0.15">
      <c r="M140" s="132"/>
    </row>
    <row r="141" spans="13:13" x14ac:dyDescent="0.15">
      <c r="M141" s="132"/>
    </row>
    <row r="142" spans="13:13" x14ac:dyDescent="0.15">
      <c r="M142" s="132"/>
    </row>
    <row r="143" spans="13:13" x14ac:dyDescent="0.15">
      <c r="M143" s="132"/>
    </row>
    <row r="144" spans="13:13" x14ac:dyDescent="0.15">
      <c r="M144" s="132"/>
    </row>
  </sheetData>
  <mergeCells count="3">
    <mergeCell ref="B1:Z1"/>
    <mergeCell ref="A3:A49"/>
    <mergeCell ref="O3:O48"/>
  </mergeCells>
  <phoneticPr fontId="3"/>
  <pageMargins left="0" right="0" top="0" bottom="0" header="0" footer="0"/>
  <pageSetup paperSize="9" scale="63" orientation="landscape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8"/>
  <sheetViews>
    <sheetView showGridLines="0" view="pageBreakPreview" zoomScaleNormal="100" zoomScaleSheetLayoutView="100" workbookViewId="0">
      <selection activeCell="G4" sqref="G4"/>
    </sheetView>
  </sheetViews>
  <sheetFormatPr defaultRowHeight="13.5" x14ac:dyDescent="0.15"/>
  <cols>
    <col min="1" max="1" width="4.125" style="298" customWidth="1"/>
    <col min="2" max="2" width="24.625" style="298" customWidth="1"/>
    <col min="3" max="14" width="8.625" style="298" customWidth="1"/>
    <col min="15" max="15" width="3" style="298" customWidth="1"/>
    <col min="16" max="255" width="9" style="298"/>
    <col min="256" max="256" width="2.25" style="298" customWidth="1"/>
    <col min="257" max="257" width="4.125" style="298" customWidth="1"/>
    <col min="258" max="258" width="24.625" style="298" customWidth="1"/>
    <col min="259" max="270" width="8.625" style="298" customWidth="1"/>
    <col min="271" max="271" width="3" style="298" customWidth="1"/>
    <col min="272" max="511" width="9" style="298"/>
    <col min="512" max="512" width="2.25" style="298" customWidth="1"/>
    <col min="513" max="513" width="4.125" style="298" customWidth="1"/>
    <col min="514" max="514" width="24.625" style="298" customWidth="1"/>
    <col min="515" max="526" width="8.625" style="298" customWidth="1"/>
    <col min="527" max="527" width="3" style="298" customWidth="1"/>
    <col min="528" max="767" width="9" style="298"/>
    <col min="768" max="768" width="2.25" style="298" customWidth="1"/>
    <col min="769" max="769" width="4.125" style="298" customWidth="1"/>
    <col min="770" max="770" width="24.625" style="298" customWidth="1"/>
    <col min="771" max="782" width="8.625" style="298" customWidth="1"/>
    <col min="783" max="783" width="3" style="298" customWidth="1"/>
    <col min="784" max="1023" width="9" style="298"/>
    <col min="1024" max="1024" width="2.25" style="298" customWidth="1"/>
    <col min="1025" max="1025" width="4.125" style="298" customWidth="1"/>
    <col min="1026" max="1026" width="24.625" style="298" customWidth="1"/>
    <col min="1027" max="1038" width="8.625" style="298" customWidth="1"/>
    <col min="1039" max="1039" width="3" style="298" customWidth="1"/>
    <col min="1040" max="1279" width="9" style="298"/>
    <col min="1280" max="1280" width="2.25" style="298" customWidth="1"/>
    <col min="1281" max="1281" width="4.125" style="298" customWidth="1"/>
    <col min="1282" max="1282" width="24.625" style="298" customWidth="1"/>
    <col min="1283" max="1294" width="8.625" style="298" customWidth="1"/>
    <col min="1295" max="1295" width="3" style="298" customWidth="1"/>
    <col min="1296" max="1535" width="9" style="298"/>
    <col min="1536" max="1536" width="2.25" style="298" customWidth="1"/>
    <col min="1537" max="1537" width="4.125" style="298" customWidth="1"/>
    <col min="1538" max="1538" width="24.625" style="298" customWidth="1"/>
    <col min="1539" max="1550" width="8.625" style="298" customWidth="1"/>
    <col min="1551" max="1551" width="3" style="298" customWidth="1"/>
    <col min="1552" max="1791" width="9" style="298"/>
    <col min="1792" max="1792" width="2.25" style="298" customWidth="1"/>
    <col min="1793" max="1793" width="4.125" style="298" customWidth="1"/>
    <col min="1794" max="1794" width="24.625" style="298" customWidth="1"/>
    <col min="1795" max="1806" width="8.625" style="298" customWidth="1"/>
    <col min="1807" max="1807" width="3" style="298" customWidth="1"/>
    <col min="1808" max="2047" width="9" style="298"/>
    <col min="2048" max="2048" width="2.25" style="298" customWidth="1"/>
    <col min="2049" max="2049" width="4.125" style="298" customWidth="1"/>
    <col min="2050" max="2050" width="24.625" style="298" customWidth="1"/>
    <col min="2051" max="2062" width="8.625" style="298" customWidth="1"/>
    <col min="2063" max="2063" width="3" style="298" customWidth="1"/>
    <col min="2064" max="2303" width="9" style="298"/>
    <col min="2304" max="2304" width="2.25" style="298" customWidth="1"/>
    <col min="2305" max="2305" width="4.125" style="298" customWidth="1"/>
    <col min="2306" max="2306" width="24.625" style="298" customWidth="1"/>
    <col min="2307" max="2318" width="8.625" style="298" customWidth="1"/>
    <col min="2319" max="2319" width="3" style="298" customWidth="1"/>
    <col min="2320" max="2559" width="9" style="298"/>
    <col min="2560" max="2560" width="2.25" style="298" customWidth="1"/>
    <col min="2561" max="2561" width="4.125" style="298" customWidth="1"/>
    <col min="2562" max="2562" width="24.625" style="298" customWidth="1"/>
    <col min="2563" max="2574" width="8.625" style="298" customWidth="1"/>
    <col min="2575" max="2575" width="3" style="298" customWidth="1"/>
    <col min="2576" max="2815" width="9" style="298"/>
    <col min="2816" max="2816" width="2.25" style="298" customWidth="1"/>
    <col min="2817" max="2817" width="4.125" style="298" customWidth="1"/>
    <col min="2818" max="2818" width="24.625" style="298" customWidth="1"/>
    <col min="2819" max="2830" width="8.625" style="298" customWidth="1"/>
    <col min="2831" max="2831" width="3" style="298" customWidth="1"/>
    <col min="2832" max="3071" width="9" style="298"/>
    <col min="3072" max="3072" width="2.25" style="298" customWidth="1"/>
    <col min="3073" max="3073" width="4.125" style="298" customWidth="1"/>
    <col min="3074" max="3074" width="24.625" style="298" customWidth="1"/>
    <col min="3075" max="3086" width="8.625" style="298" customWidth="1"/>
    <col min="3087" max="3087" width="3" style="298" customWidth="1"/>
    <col min="3088" max="3327" width="9" style="298"/>
    <col min="3328" max="3328" width="2.25" style="298" customWidth="1"/>
    <col min="3329" max="3329" width="4.125" style="298" customWidth="1"/>
    <col min="3330" max="3330" width="24.625" style="298" customWidth="1"/>
    <col min="3331" max="3342" width="8.625" style="298" customWidth="1"/>
    <col min="3343" max="3343" width="3" style="298" customWidth="1"/>
    <col min="3344" max="3583" width="9" style="298"/>
    <col min="3584" max="3584" width="2.25" style="298" customWidth="1"/>
    <col min="3585" max="3585" width="4.125" style="298" customWidth="1"/>
    <col min="3586" max="3586" width="24.625" style="298" customWidth="1"/>
    <col min="3587" max="3598" width="8.625" style="298" customWidth="1"/>
    <col min="3599" max="3599" width="3" style="298" customWidth="1"/>
    <col min="3600" max="3839" width="9" style="298"/>
    <col min="3840" max="3840" width="2.25" style="298" customWidth="1"/>
    <col min="3841" max="3841" width="4.125" style="298" customWidth="1"/>
    <col min="3842" max="3842" width="24.625" style="298" customWidth="1"/>
    <col min="3843" max="3854" width="8.625" style="298" customWidth="1"/>
    <col min="3855" max="3855" width="3" style="298" customWidth="1"/>
    <col min="3856" max="4095" width="9" style="298"/>
    <col min="4096" max="4096" width="2.25" style="298" customWidth="1"/>
    <col min="4097" max="4097" width="4.125" style="298" customWidth="1"/>
    <col min="4098" max="4098" width="24.625" style="298" customWidth="1"/>
    <col min="4099" max="4110" width="8.625" style="298" customWidth="1"/>
    <col min="4111" max="4111" width="3" style="298" customWidth="1"/>
    <col min="4112" max="4351" width="9" style="298"/>
    <col min="4352" max="4352" width="2.25" style="298" customWidth="1"/>
    <col min="4353" max="4353" width="4.125" style="298" customWidth="1"/>
    <col min="4354" max="4354" width="24.625" style="298" customWidth="1"/>
    <col min="4355" max="4366" width="8.625" style="298" customWidth="1"/>
    <col min="4367" max="4367" width="3" style="298" customWidth="1"/>
    <col min="4368" max="4607" width="9" style="298"/>
    <col min="4608" max="4608" width="2.25" style="298" customWidth="1"/>
    <col min="4609" max="4609" width="4.125" style="298" customWidth="1"/>
    <col min="4610" max="4610" width="24.625" style="298" customWidth="1"/>
    <col min="4611" max="4622" width="8.625" style="298" customWidth="1"/>
    <col min="4623" max="4623" width="3" style="298" customWidth="1"/>
    <col min="4624" max="4863" width="9" style="298"/>
    <col min="4864" max="4864" width="2.25" style="298" customWidth="1"/>
    <col min="4865" max="4865" width="4.125" style="298" customWidth="1"/>
    <col min="4866" max="4866" width="24.625" style="298" customWidth="1"/>
    <col min="4867" max="4878" width="8.625" style="298" customWidth="1"/>
    <col min="4879" max="4879" width="3" style="298" customWidth="1"/>
    <col min="4880" max="5119" width="9" style="298"/>
    <col min="5120" max="5120" width="2.25" style="298" customWidth="1"/>
    <col min="5121" max="5121" width="4.125" style="298" customWidth="1"/>
    <col min="5122" max="5122" width="24.625" style="298" customWidth="1"/>
    <col min="5123" max="5134" width="8.625" style="298" customWidth="1"/>
    <col min="5135" max="5135" width="3" style="298" customWidth="1"/>
    <col min="5136" max="5375" width="9" style="298"/>
    <col min="5376" max="5376" width="2.25" style="298" customWidth="1"/>
    <col min="5377" max="5377" width="4.125" style="298" customWidth="1"/>
    <col min="5378" max="5378" width="24.625" style="298" customWidth="1"/>
    <col min="5379" max="5390" width="8.625" style="298" customWidth="1"/>
    <col min="5391" max="5391" width="3" style="298" customWidth="1"/>
    <col min="5392" max="5631" width="9" style="298"/>
    <col min="5632" max="5632" width="2.25" style="298" customWidth="1"/>
    <col min="5633" max="5633" width="4.125" style="298" customWidth="1"/>
    <col min="5634" max="5634" width="24.625" style="298" customWidth="1"/>
    <col min="5635" max="5646" width="8.625" style="298" customWidth="1"/>
    <col min="5647" max="5647" width="3" style="298" customWidth="1"/>
    <col min="5648" max="5887" width="9" style="298"/>
    <col min="5888" max="5888" width="2.25" style="298" customWidth="1"/>
    <col min="5889" max="5889" width="4.125" style="298" customWidth="1"/>
    <col min="5890" max="5890" width="24.625" style="298" customWidth="1"/>
    <col min="5891" max="5902" width="8.625" style="298" customWidth="1"/>
    <col min="5903" max="5903" width="3" style="298" customWidth="1"/>
    <col min="5904" max="6143" width="9" style="298"/>
    <col min="6144" max="6144" width="2.25" style="298" customWidth="1"/>
    <col min="6145" max="6145" width="4.125" style="298" customWidth="1"/>
    <col min="6146" max="6146" width="24.625" style="298" customWidth="1"/>
    <col min="6147" max="6158" width="8.625" style="298" customWidth="1"/>
    <col min="6159" max="6159" width="3" style="298" customWidth="1"/>
    <col min="6160" max="6399" width="9" style="298"/>
    <col min="6400" max="6400" width="2.25" style="298" customWidth="1"/>
    <col min="6401" max="6401" width="4.125" style="298" customWidth="1"/>
    <col min="6402" max="6402" width="24.625" style="298" customWidth="1"/>
    <col min="6403" max="6414" width="8.625" style="298" customWidth="1"/>
    <col min="6415" max="6415" width="3" style="298" customWidth="1"/>
    <col min="6416" max="6655" width="9" style="298"/>
    <col min="6656" max="6656" width="2.25" style="298" customWidth="1"/>
    <col min="6657" max="6657" width="4.125" style="298" customWidth="1"/>
    <col min="6658" max="6658" width="24.625" style="298" customWidth="1"/>
    <col min="6659" max="6670" width="8.625" style="298" customWidth="1"/>
    <col min="6671" max="6671" width="3" style="298" customWidth="1"/>
    <col min="6672" max="6911" width="9" style="298"/>
    <col min="6912" max="6912" width="2.25" style="298" customWidth="1"/>
    <col min="6913" max="6913" width="4.125" style="298" customWidth="1"/>
    <col min="6914" max="6914" width="24.625" style="298" customWidth="1"/>
    <col min="6915" max="6926" width="8.625" style="298" customWidth="1"/>
    <col min="6927" max="6927" width="3" style="298" customWidth="1"/>
    <col min="6928" max="7167" width="9" style="298"/>
    <col min="7168" max="7168" width="2.25" style="298" customWidth="1"/>
    <col min="7169" max="7169" width="4.125" style="298" customWidth="1"/>
    <col min="7170" max="7170" width="24.625" style="298" customWidth="1"/>
    <col min="7171" max="7182" width="8.625" style="298" customWidth="1"/>
    <col min="7183" max="7183" width="3" style="298" customWidth="1"/>
    <col min="7184" max="7423" width="9" style="298"/>
    <col min="7424" max="7424" width="2.25" style="298" customWidth="1"/>
    <col min="7425" max="7425" width="4.125" style="298" customWidth="1"/>
    <col min="7426" max="7426" width="24.625" style="298" customWidth="1"/>
    <col min="7427" max="7438" width="8.625" style="298" customWidth="1"/>
    <col min="7439" max="7439" width="3" style="298" customWidth="1"/>
    <col min="7440" max="7679" width="9" style="298"/>
    <col min="7680" max="7680" width="2.25" style="298" customWidth="1"/>
    <col min="7681" max="7681" width="4.125" style="298" customWidth="1"/>
    <col min="7682" max="7682" width="24.625" style="298" customWidth="1"/>
    <col min="7683" max="7694" width="8.625" style="298" customWidth="1"/>
    <col min="7695" max="7695" width="3" style="298" customWidth="1"/>
    <col min="7696" max="7935" width="9" style="298"/>
    <col min="7936" max="7936" width="2.25" style="298" customWidth="1"/>
    <col min="7937" max="7937" width="4.125" style="298" customWidth="1"/>
    <col min="7938" max="7938" width="24.625" style="298" customWidth="1"/>
    <col min="7939" max="7950" width="8.625" style="298" customWidth="1"/>
    <col min="7951" max="7951" width="3" style="298" customWidth="1"/>
    <col min="7952" max="8191" width="9" style="298"/>
    <col min="8192" max="8192" width="2.25" style="298" customWidth="1"/>
    <col min="8193" max="8193" width="4.125" style="298" customWidth="1"/>
    <col min="8194" max="8194" width="24.625" style="298" customWidth="1"/>
    <col min="8195" max="8206" width="8.625" style="298" customWidth="1"/>
    <col min="8207" max="8207" width="3" style="298" customWidth="1"/>
    <col min="8208" max="8447" width="9" style="298"/>
    <col min="8448" max="8448" width="2.25" style="298" customWidth="1"/>
    <col min="8449" max="8449" width="4.125" style="298" customWidth="1"/>
    <col min="8450" max="8450" width="24.625" style="298" customWidth="1"/>
    <col min="8451" max="8462" width="8.625" style="298" customWidth="1"/>
    <col min="8463" max="8463" width="3" style="298" customWidth="1"/>
    <col min="8464" max="8703" width="9" style="298"/>
    <col min="8704" max="8704" width="2.25" style="298" customWidth="1"/>
    <col min="8705" max="8705" width="4.125" style="298" customWidth="1"/>
    <col min="8706" max="8706" width="24.625" style="298" customWidth="1"/>
    <col min="8707" max="8718" width="8.625" style="298" customWidth="1"/>
    <col min="8719" max="8719" width="3" style="298" customWidth="1"/>
    <col min="8720" max="8959" width="9" style="298"/>
    <col min="8960" max="8960" width="2.25" style="298" customWidth="1"/>
    <col min="8961" max="8961" width="4.125" style="298" customWidth="1"/>
    <col min="8962" max="8962" width="24.625" style="298" customWidth="1"/>
    <col min="8963" max="8974" width="8.625" style="298" customWidth="1"/>
    <col min="8975" max="8975" width="3" style="298" customWidth="1"/>
    <col min="8976" max="9215" width="9" style="298"/>
    <col min="9216" max="9216" width="2.25" style="298" customWidth="1"/>
    <col min="9217" max="9217" width="4.125" style="298" customWidth="1"/>
    <col min="9218" max="9218" width="24.625" style="298" customWidth="1"/>
    <col min="9219" max="9230" width="8.625" style="298" customWidth="1"/>
    <col min="9231" max="9231" width="3" style="298" customWidth="1"/>
    <col min="9232" max="9471" width="9" style="298"/>
    <col min="9472" max="9472" width="2.25" style="298" customWidth="1"/>
    <col min="9473" max="9473" width="4.125" style="298" customWidth="1"/>
    <col min="9474" max="9474" width="24.625" style="298" customWidth="1"/>
    <col min="9475" max="9486" width="8.625" style="298" customWidth="1"/>
    <col min="9487" max="9487" width="3" style="298" customWidth="1"/>
    <col min="9488" max="9727" width="9" style="298"/>
    <col min="9728" max="9728" width="2.25" style="298" customWidth="1"/>
    <col min="9729" max="9729" width="4.125" style="298" customWidth="1"/>
    <col min="9730" max="9730" width="24.625" style="298" customWidth="1"/>
    <col min="9731" max="9742" width="8.625" style="298" customWidth="1"/>
    <col min="9743" max="9743" width="3" style="298" customWidth="1"/>
    <col min="9744" max="9983" width="9" style="298"/>
    <col min="9984" max="9984" width="2.25" style="298" customWidth="1"/>
    <col min="9985" max="9985" width="4.125" style="298" customWidth="1"/>
    <col min="9986" max="9986" width="24.625" style="298" customWidth="1"/>
    <col min="9987" max="9998" width="8.625" style="298" customWidth="1"/>
    <col min="9999" max="9999" width="3" style="298" customWidth="1"/>
    <col min="10000" max="10239" width="9" style="298"/>
    <col min="10240" max="10240" width="2.25" style="298" customWidth="1"/>
    <col min="10241" max="10241" width="4.125" style="298" customWidth="1"/>
    <col min="10242" max="10242" width="24.625" style="298" customWidth="1"/>
    <col min="10243" max="10254" width="8.625" style="298" customWidth="1"/>
    <col min="10255" max="10255" width="3" style="298" customWidth="1"/>
    <col min="10256" max="10495" width="9" style="298"/>
    <col min="10496" max="10496" width="2.25" style="298" customWidth="1"/>
    <col min="10497" max="10497" width="4.125" style="298" customWidth="1"/>
    <col min="10498" max="10498" width="24.625" style="298" customWidth="1"/>
    <col min="10499" max="10510" width="8.625" style="298" customWidth="1"/>
    <col min="10511" max="10511" width="3" style="298" customWidth="1"/>
    <col min="10512" max="10751" width="9" style="298"/>
    <col min="10752" max="10752" width="2.25" style="298" customWidth="1"/>
    <col min="10753" max="10753" width="4.125" style="298" customWidth="1"/>
    <col min="10754" max="10754" width="24.625" style="298" customWidth="1"/>
    <col min="10755" max="10766" width="8.625" style="298" customWidth="1"/>
    <col min="10767" max="10767" width="3" style="298" customWidth="1"/>
    <col min="10768" max="11007" width="9" style="298"/>
    <col min="11008" max="11008" width="2.25" style="298" customWidth="1"/>
    <col min="11009" max="11009" width="4.125" style="298" customWidth="1"/>
    <col min="11010" max="11010" width="24.625" style="298" customWidth="1"/>
    <col min="11011" max="11022" width="8.625" style="298" customWidth="1"/>
    <col min="11023" max="11023" width="3" style="298" customWidth="1"/>
    <col min="11024" max="11263" width="9" style="298"/>
    <col min="11264" max="11264" width="2.25" style="298" customWidth="1"/>
    <col min="11265" max="11265" width="4.125" style="298" customWidth="1"/>
    <col min="11266" max="11266" width="24.625" style="298" customWidth="1"/>
    <col min="11267" max="11278" width="8.625" style="298" customWidth="1"/>
    <col min="11279" max="11279" width="3" style="298" customWidth="1"/>
    <col min="11280" max="11519" width="9" style="298"/>
    <col min="11520" max="11520" width="2.25" style="298" customWidth="1"/>
    <col min="11521" max="11521" width="4.125" style="298" customWidth="1"/>
    <col min="11522" max="11522" width="24.625" style="298" customWidth="1"/>
    <col min="11523" max="11534" width="8.625" style="298" customWidth="1"/>
    <col min="11535" max="11535" width="3" style="298" customWidth="1"/>
    <col min="11536" max="11775" width="9" style="298"/>
    <col min="11776" max="11776" width="2.25" style="298" customWidth="1"/>
    <col min="11777" max="11777" width="4.125" style="298" customWidth="1"/>
    <col min="11778" max="11778" width="24.625" style="298" customWidth="1"/>
    <col min="11779" max="11790" width="8.625" style="298" customWidth="1"/>
    <col min="11791" max="11791" width="3" style="298" customWidth="1"/>
    <col min="11792" max="12031" width="9" style="298"/>
    <col min="12032" max="12032" width="2.25" style="298" customWidth="1"/>
    <col min="12033" max="12033" width="4.125" style="298" customWidth="1"/>
    <col min="12034" max="12034" width="24.625" style="298" customWidth="1"/>
    <col min="12035" max="12046" width="8.625" style="298" customWidth="1"/>
    <col min="12047" max="12047" width="3" style="298" customWidth="1"/>
    <col min="12048" max="12287" width="9" style="298"/>
    <col min="12288" max="12288" width="2.25" style="298" customWidth="1"/>
    <col min="12289" max="12289" width="4.125" style="298" customWidth="1"/>
    <col min="12290" max="12290" width="24.625" style="298" customWidth="1"/>
    <col min="12291" max="12302" width="8.625" style="298" customWidth="1"/>
    <col min="12303" max="12303" width="3" style="298" customWidth="1"/>
    <col min="12304" max="12543" width="9" style="298"/>
    <col min="12544" max="12544" width="2.25" style="298" customWidth="1"/>
    <col min="12545" max="12545" width="4.125" style="298" customWidth="1"/>
    <col min="12546" max="12546" width="24.625" style="298" customWidth="1"/>
    <col min="12547" max="12558" width="8.625" style="298" customWidth="1"/>
    <col min="12559" max="12559" width="3" style="298" customWidth="1"/>
    <col min="12560" max="12799" width="9" style="298"/>
    <col min="12800" max="12800" width="2.25" style="298" customWidth="1"/>
    <col min="12801" max="12801" width="4.125" style="298" customWidth="1"/>
    <col min="12802" max="12802" width="24.625" style="298" customWidth="1"/>
    <col min="12803" max="12814" width="8.625" style="298" customWidth="1"/>
    <col min="12815" max="12815" width="3" style="298" customWidth="1"/>
    <col min="12816" max="13055" width="9" style="298"/>
    <col min="13056" max="13056" width="2.25" style="298" customWidth="1"/>
    <col min="13057" max="13057" width="4.125" style="298" customWidth="1"/>
    <col min="13058" max="13058" width="24.625" style="298" customWidth="1"/>
    <col min="13059" max="13070" width="8.625" style="298" customWidth="1"/>
    <col min="13071" max="13071" width="3" style="298" customWidth="1"/>
    <col min="13072" max="13311" width="9" style="298"/>
    <col min="13312" max="13312" width="2.25" style="298" customWidth="1"/>
    <col min="13313" max="13313" width="4.125" style="298" customWidth="1"/>
    <col min="13314" max="13314" width="24.625" style="298" customWidth="1"/>
    <col min="13315" max="13326" width="8.625" style="298" customWidth="1"/>
    <col min="13327" max="13327" width="3" style="298" customWidth="1"/>
    <col min="13328" max="13567" width="9" style="298"/>
    <col min="13568" max="13568" width="2.25" style="298" customWidth="1"/>
    <col min="13569" max="13569" width="4.125" style="298" customWidth="1"/>
    <col min="13570" max="13570" width="24.625" style="298" customWidth="1"/>
    <col min="13571" max="13582" width="8.625" style="298" customWidth="1"/>
    <col min="13583" max="13583" width="3" style="298" customWidth="1"/>
    <col min="13584" max="13823" width="9" style="298"/>
    <col min="13824" max="13824" width="2.25" style="298" customWidth="1"/>
    <col min="13825" max="13825" width="4.125" style="298" customWidth="1"/>
    <col min="13826" max="13826" width="24.625" style="298" customWidth="1"/>
    <col min="13827" max="13838" width="8.625" style="298" customWidth="1"/>
    <col min="13839" max="13839" width="3" style="298" customWidth="1"/>
    <col min="13840" max="14079" width="9" style="298"/>
    <col min="14080" max="14080" width="2.25" style="298" customWidth="1"/>
    <col min="14081" max="14081" width="4.125" style="298" customWidth="1"/>
    <col min="14082" max="14082" width="24.625" style="298" customWidth="1"/>
    <col min="14083" max="14094" width="8.625" style="298" customWidth="1"/>
    <col min="14095" max="14095" width="3" style="298" customWidth="1"/>
    <col min="14096" max="14335" width="9" style="298"/>
    <col min="14336" max="14336" width="2.25" style="298" customWidth="1"/>
    <col min="14337" max="14337" width="4.125" style="298" customWidth="1"/>
    <col min="14338" max="14338" width="24.625" style="298" customWidth="1"/>
    <col min="14339" max="14350" width="8.625" style="298" customWidth="1"/>
    <col min="14351" max="14351" width="3" style="298" customWidth="1"/>
    <col min="14352" max="14591" width="9" style="298"/>
    <col min="14592" max="14592" width="2.25" style="298" customWidth="1"/>
    <col min="14593" max="14593" width="4.125" style="298" customWidth="1"/>
    <col min="14594" max="14594" width="24.625" style="298" customWidth="1"/>
    <col min="14595" max="14606" width="8.625" style="298" customWidth="1"/>
    <col min="14607" max="14607" width="3" style="298" customWidth="1"/>
    <col min="14608" max="14847" width="9" style="298"/>
    <col min="14848" max="14848" width="2.25" style="298" customWidth="1"/>
    <col min="14849" max="14849" width="4.125" style="298" customWidth="1"/>
    <col min="14850" max="14850" width="24.625" style="298" customWidth="1"/>
    <col min="14851" max="14862" width="8.625" style="298" customWidth="1"/>
    <col min="14863" max="14863" width="3" style="298" customWidth="1"/>
    <col min="14864" max="15103" width="9" style="298"/>
    <col min="15104" max="15104" width="2.25" style="298" customWidth="1"/>
    <col min="15105" max="15105" width="4.125" style="298" customWidth="1"/>
    <col min="15106" max="15106" width="24.625" style="298" customWidth="1"/>
    <col min="15107" max="15118" width="8.625" style="298" customWidth="1"/>
    <col min="15119" max="15119" width="3" style="298" customWidth="1"/>
    <col min="15120" max="15359" width="9" style="298"/>
    <col min="15360" max="15360" width="2.25" style="298" customWidth="1"/>
    <col min="15361" max="15361" width="4.125" style="298" customWidth="1"/>
    <col min="15362" max="15362" width="24.625" style="298" customWidth="1"/>
    <col min="15363" max="15374" width="8.625" style="298" customWidth="1"/>
    <col min="15375" max="15375" width="3" style="298" customWidth="1"/>
    <col min="15376" max="15615" width="9" style="298"/>
    <col min="15616" max="15616" width="2.25" style="298" customWidth="1"/>
    <col min="15617" max="15617" width="4.125" style="298" customWidth="1"/>
    <col min="15618" max="15618" width="24.625" style="298" customWidth="1"/>
    <col min="15619" max="15630" width="8.625" style="298" customWidth="1"/>
    <col min="15631" max="15631" width="3" style="298" customWidth="1"/>
    <col min="15632" max="15871" width="9" style="298"/>
    <col min="15872" max="15872" width="2.25" style="298" customWidth="1"/>
    <col min="15873" max="15873" width="4.125" style="298" customWidth="1"/>
    <col min="15874" max="15874" width="24.625" style="298" customWidth="1"/>
    <col min="15875" max="15886" width="8.625" style="298" customWidth="1"/>
    <col min="15887" max="15887" width="3" style="298" customWidth="1"/>
    <col min="15888" max="16127" width="9" style="298"/>
    <col min="16128" max="16128" width="2.25" style="298" customWidth="1"/>
    <col min="16129" max="16129" width="4.125" style="298" customWidth="1"/>
    <col min="16130" max="16130" width="24.625" style="298" customWidth="1"/>
    <col min="16131" max="16142" width="8.625" style="298" customWidth="1"/>
    <col min="16143" max="16143" width="3" style="298" customWidth="1"/>
    <col min="16144" max="16384" width="9" style="298"/>
  </cols>
  <sheetData>
    <row r="1" spans="1:15" ht="24.95" customHeight="1" x14ac:dyDescent="0.15">
      <c r="A1" s="537"/>
      <c r="B1" s="749" t="s">
        <v>316</v>
      </c>
      <c r="C1" s="750"/>
      <c r="D1" s="750"/>
      <c r="E1" s="750"/>
      <c r="F1" s="750"/>
      <c r="G1" s="750"/>
      <c r="H1" s="750"/>
      <c r="I1" s="750"/>
      <c r="J1" s="750"/>
      <c r="K1" s="750"/>
      <c r="L1" s="750"/>
      <c r="M1" s="750"/>
      <c r="N1" s="750"/>
      <c r="O1" s="187"/>
    </row>
    <row r="2" spans="1:15" x14ac:dyDescent="0.15">
      <c r="A2" s="187"/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  <c r="M2" s="187"/>
      <c r="N2" s="187"/>
      <c r="O2" s="187"/>
    </row>
    <row r="3" spans="1:15" ht="16.5" customHeight="1" x14ac:dyDescent="0.15">
      <c r="A3" s="519"/>
      <c r="B3" s="520" t="s">
        <v>317</v>
      </c>
      <c r="C3" s="521" t="s">
        <v>179</v>
      </c>
      <c r="D3" s="522" t="s">
        <v>180</v>
      </c>
      <c r="E3" s="522" t="s">
        <v>181</v>
      </c>
      <c r="F3" s="522" t="s">
        <v>182</v>
      </c>
      <c r="G3" s="522" t="s">
        <v>183</v>
      </c>
      <c r="H3" s="522" t="s">
        <v>184</v>
      </c>
      <c r="I3" s="522" t="s">
        <v>185</v>
      </c>
      <c r="J3" s="522" t="s">
        <v>61</v>
      </c>
      <c r="K3" s="522" t="s">
        <v>186</v>
      </c>
      <c r="L3" s="522" t="s">
        <v>187</v>
      </c>
      <c r="M3" s="522" t="s">
        <v>188</v>
      </c>
      <c r="N3" s="523" t="s">
        <v>189</v>
      </c>
      <c r="O3" s="524"/>
    </row>
    <row r="4" spans="1:15" ht="14.25" x14ac:dyDescent="0.15">
      <c r="A4" s="751" t="s">
        <v>318</v>
      </c>
      <c r="B4" s="162" t="s">
        <v>204</v>
      </c>
      <c r="C4" s="525">
        <v>0.30555555555555552</v>
      </c>
      <c r="D4" s="525">
        <v>0.35416666666666669</v>
      </c>
      <c r="E4" s="525">
        <v>0.39583333333333331</v>
      </c>
      <c r="F4" s="525">
        <v>0.4375</v>
      </c>
      <c r="G4" s="525">
        <v>0.47916666666666702</v>
      </c>
      <c r="H4" s="525">
        <v>0.52083333333333304</v>
      </c>
      <c r="I4" s="525">
        <v>0.5625</v>
      </c>
      <c r="J4" s="525">
        <v>0.60416666666666696</v>
      </c>
      <c r="K4" s="525">
        <v>0.64583333333333404</v>
      </c>
      <c r="L4" s="525">
        <v>0.6875</v>
      </c>
      <c r="M4" s="525">
        <v>0.72916666666666696</v>
      </c>
      <c r="N4" s="525">
        <v>0.77083333333333337</v>
      </c>
      <c r="O4" s="524"/>
    </row>
    <row r="5" spans="1:15" ht="14.25" x14ac:dyDescent="0.15">
      <c r="A5" s="752"/>
      <c r="B5" s="162" t="s">
        <v>319</v>
      </c>
      <c r="C5" s="526">
        <v>0.30624999999999997</v>
      </c>
      <c r="D5" s="526">
        <v>0.35486111111111113</v>
      </c>
      <c r="E5" s="526">
        <v>0.39652777777777798</v>
      </c>
      <c r="F5" s="526">
        <v>0.438194444444444</v>
      </c>
      <c r="G5" s="526">
        <v>0.47986111111111102</v>
      </c>
      <c r="H5" s="526">
        <v>0.52152777777777803</v>
      </c>
      <c r="I5" s="526">
        <v>0.563194444444444</v>
      </c>
      <c r="J5" s="526">
        <v>0.60486111111111096</v>
      </c>
      <c r="K5" s="526">
        <v>0.64652777777777803</v>
      </c>
      <c r="L5" s="526">
        <v>0.688194444444444</v>
      </c>
      <c r="M5" s="526">
        <v>0.72986111111111096</v>
      </c>
      <c r="N5" s="526">
        <v>0.77152777777777803</v>
      </c>
      <c r="O5" s="524"/>
    </row>
    <row r="6" spans="1:15" ht="14.25" x14ac:dyDescent="0.15">
      <c r="A6" s="752"/>
      <c r="B6" s="162" t="s">
        <v>320</v>
      </c>
      <c r="C6" s="525">
        <v>0.30763888888888891</v>
      </c>
      <c r="D6" s="525">
        <v>0.35625000000000001</v>
      </c>
      <c r="E6" s="525">
        <v>0.39791666666666697</v>
      </c>
      <c r="F6" s="525">
        <v>0.43958333333333299</v>
      </c>
      <c r="G6" s="525">
        <v>0.48125000000000001</v>
      </c>
      <c r="H6" s="525">
        <v>0.52291666666666703</v>
      </c>
      <c r="I6" s="525">
        <v>0.56458333333333299</v>
      </c>
      <c r="J6" s="525">
        <v>0.60624999999999996</v>
      </c>
      <c r="K6" s="525">
        <v>0.64791666666666703</v>
      </c>
      <c r="L6" s="525">
        <v>0.68958333333333299</v>
      </c>
      <c r="M6" s="525">
        <v>0.73124999999999996</v>
      </c>
      <c r="N6" s="525">
        <v>0.77291666666666703</v>
      </c>
      <c r="O6" s="524"/>
    </row>
    <row r="7" spans="1:15" ht="14.25" x14ac:dyDescent="0.15">
      <c r="A7" s="752"/>
      <c r="B7" s="162" t="s">
        <v>321</v>
      </c>
      <c r="C7" s="525">
        <v>0.30833333333333335</v>
      </c>
      <c r="D7" s="525">
        <v>0.35694444444444445</v>
      </c>
      <c r="E7" s="525">
        <v>0.39861111111111103</v>
      </c>
      <c r="F7" s="525">
        <v>0.44027777777777799</v>
      </c>
      <c r="G7" s="525">
        <v>0.48194444444444401</v>
      </c>
      <c r="H7" s="525">
        <v>0.52361111111111103</v>
      </c>
      <c r="I7" s="525">
        <v>0.56527777777777799</v>
      </c>
      <c r="J7" s="525">
        <v>0.60694444444444495</v>
      </c>
      <c r="K7" s="525">
        <v>0.64861111111111103</v>
      </c>
      <c r="L7" s="525">
        <v>0.69027777777777799</v>
      </c>
      <c r="M7" s="525">
        <v>0.73194444444444495</v>
      </c>
      <c r="N7" s="525">
        <v>0.77361111111111103</v>
      </c>
      <c r="O7" s="524"/>
    </row>
    <row r="8" spans="1:15" ht="14.25" x14ac:dyDescent="0.15">
      <c r="A8" s="752"/>
      <c r="B8" s="162" t="s">
        <v>75</v>
      </c>
      <c r="C8" s="525">
        <v>0.30972222222222223</v>
      </c>
      <c r="D8" s="525">
        <v>0.35833333333333334</v>
      </c>
      <c r="E8" s="525">
        <v>0.4</v>
      </c>
      <c r="F8" s="525">
        <v>0.44166666666666698</v>
      </c>
      <c r="G8" s="525">
        <v>0.483333333333333</v>
      </c>
      <c r="H8" s="525">
        <v>0.52500000000000002</v>
      </c>
      <c r="I8" s="525">
        <v>0.56666666666666698</v>
      </c>
      <c r="J8" s="525">
        <v>0.60833333333333295</v>
      </c>
      <c r="K8" s="525">
        <v>0.65</v>
      </c>
      <c r="L8" s="525">
        <v>0.69166666666666698</v>
      </c>
      <c r="M8" s="525">
        <v>0.73333333333333295</v>
      </c>
      <c r="N8" s="525">
        <v>0.77500000000000002</v>
      </c>
      <c r="O8" s="524"/>
    </row>
    <row r="9" spans="1:15" ht="14.25" x14ac:dyDescent="0.15">
      <c r="A9" s="752"/>
      <c r="B9" s="162" t="s">
        <v>322</v>
      </c>
      <c r="C9" s="525">
        <v>0.31041666666666667</v>
      </c>
      <c r="D9" s="525">
        <v>0.35902777777777778</v>
      </c>
      <c r="E9" s="525">
        <v>0.40069444444444402</v>
      </c>
      <c r="F9" s="525">
        <v>0.44236111111111098</v>
      </c>
      <c r="G9" s="525">
        <v>0.484027777777778</v>
      </c>
      <c r="H9" s="525">
        <v>0.52569444444444402</v>
      </c>
      <c r="I9" s="525">
        <v>0.56736111111111098</v>
      </c>
      <c r="J9" s="525">
        <v>0.60902777777777795</v>
      </c>
      <c r="K9" s="525">
        <v>0.65069444444444402</v>
      </c>
      <c r="L9" s="525">
        <v>0.69236111111111098</v>
      </c>
      <c r="M9" s="525">
        <v>0.73402777777777795</v>
      </c>
      <c r="N9" s="525">
        <v>0.77569444444444402</v>
      </c>
      <c r="O9" s="524"/>
    </row>
    <row r="10" spans="1:15" ht="14.25" x14ac:dyDescent="0.15">
      <c r="A10" s="752"/>
      <c r="B10" s="162" t="s">
        <v>71</v>
      </c>
      <c r="C10" s="525" t="s">
        <v>323</v>
      </c>
      <c r="D10" s="525" t="s">
        <v>323</v>
      </c>
      <c r="E10" s="525">
        <v>0.40208333333333335</v>
      </c>
      <c r="F10" s="525" t="s">
        <v>19</v>
      </c>
      <c r="G10" s="525">
        <v>0.485416666666667</v>
      </c>
      <c r="H10" s="525" t="s">
        <v>19</v>
      </c>
      <c r="I10" s="525">
        <v>0.56874999999999998</v>
      </c>
      <c r="J10" s="525" t="s">
        <v>19</v>
      </c>
      <c r="K10" s="525">
        <v>0.65208333333333302</v>
      </c>
      <c r="L10" s="525" t="s">
        <v>19</v>
      </c>
      <c r="M10" s="525">
        <v>0.73541666666666705</v>
      </c>
      <c r="N10" s="525" t="s">
        <v>19</v>
      </c>
      <c r="O10" s="524"/>
    </row>
    <row r="11" spans="1:15" ht="14.25" x14ac:dyDescent="0.15">
      <c r="A11" s="752"/>
      <c r="B11" s="162" t="s">
        <v>324</v>
      </c>
      <c r="C11" s="525" t="s">
        <v>323</v>
      </c>
      <c r="D11" s="525" t="s">
        <v>323</v>
      </c>
      <c r="E11" s="525">
        <v>0.40277777777777773</v>
      </c>
      <c r="F11" s="525" t="s">
        <v>19</v>
      </c>
      <c r="G11" s="525">
        <v>0.48611111111111099</v>
      </c>
      <c r="H11" s="525" t="s">
        <v>19</v>
      </c>
      <c r="I11" s="525">
        <v>0.56944444444444398</v>
      </c>
      <c r="J11" s="525" t="s">
        <v>19</v>
      </c>
      <c r="K11" s="525">
        <v>0.65277777777777801</v>
      </c>
      <c r="L11" s="525" t="s">
        <v>19</v>
      </c>
      <c r="M11" s="525">
        <v>0.73611111111111105</v>
      </c>
      <c r="N11" s="525" t="s">
        <v>19</v>
      </c>
      <c r="O11" s="524"/>
    </row>
    <row r="12" spans="1:15" ht="14.25" x14ac:dyDescent="0.15">
      <c r="A12" s="752"/>
      <c r="B12" s="162" t="s">
        <v>325</v>
      </c>
      <c r="C12" s="525">
        <v>0.31319444444444444</v>
      </c>
      <c r="D12" s="525">
        <v>0.36180555555555555</v>
      </c>
      <c r="E12" s="525">
        <v>0.40486111111111112</v>
      </c>
      <c r="F12" s="525">
        <v>0.44513888888888897</v>
      </c>
      <c r="G12" s="525">
        <v>0.48819444444444399</v>
      </c>
      <c r="H12" s="525">
        <v>0.52847222222222301</v>
      </c>
      <c r="I12" s="525">
        <v>0.57152777777777797</v>
      </c>
      <c r="J12" s="525">
        <v>0.61180555555555605</v>
      </c>
      <c r="K12" s="525">
        <v>0.65486111111111101</v>
      </c>
      <c r="L12" s="525">
        <v>0.69513888888888897</v>
      </c>
      <c r="M12" s="525">
        <v>0.73819444444444404</v>
      </c>
      <c r="N12" s="525">
        <v>0.77847222222222201</v>
      </c>
      <c r="O12" s="524"/>
    </row>
    <row r="13" spans="1:15" ht="14.25" x14ac:dyDescent="0.15">
      <c r="A13" s="752"/>
      <c r="B13" s="162" t="s">
        <v>326</v>
      </c>
      <c r="C13" s="525">
        <v>0.31458333333333333</v>
      </c>
      <c r="D13" s="525">
        <v>0.36319444444444443</v>
      </c>
      <c r="E13" s="525">
        <v>0.40625</v>
      </c>
      <c r="F13" s="525">
        <v>0.44652777777777702</v>
      </c>
      <c r="G13" s="525">
        <v>0.48958333333333298</v>
      </c>
      <c r="H13" s="525">
        <v>0.52986111111111101</v>
      </c>
      <c r="I13" s="525">
        <v>0.57291666666666696</v>
      </c>
      <c r="J13" s="525">
        <v>0.61319444444444404</v>
      </c>
      <c r="K13" s="525">
        <v>0.65625</v>
      </c>
      <c r="L13" s="525">
        <v>0.69652777777777697</v>
      </c>
      <c r="M13" s="525">
        <v>0.73958333333333304</v>
      </c>
      <c r="N13" s="525">
        <v>0.77986111111111101</v>
      </c>
      <c r="O13" s="524"/>
    </row>
    <row r="14" spans="1:15" ht="14.25" x14ac:dyDescent="0.15">
      <c r="A14" s="752"/>
      <c r="B14" s="162" t="s">
        <v>327</v>
      </c>
      <c r="C14" s="525">
        <v>0.31736111111111115</v>
      </c>
      <c r="D14" s="525">
        <v>0.3659722222222222</v>
      </c>
      <c r="E14" s="525">
        <v>0.40902777777777777</v>
      </c>
      <c r="F14" s="525">
        <v>0.44930555555555501</v>
      </c>
      <c r="G14" s="525">
        <v>0.49236111111111103</v>
      </c>
      <c r="H14" s="525">
        <v>0.53263888888888888</v>
      </c>
      <c r="I14" s="525">
        <v>0.57569444444444395</v>
      </c>
      <c r="J14" s="525">
        <v>0.61597222222222225</v>
      </c>
      <c r="K14" s="525">
        <v>0.65902777777777799</v>
      </c>
      <c r="L14" s="525">
        <v>0.69930555555555562</v>
      </c>
      <c r="M14" s="525">
        <v>0.74236111111111103</v>
      </c>
      <c r="N14" s="525">
        <v>0.78263888888888899</v>
      </c>
      <c r="O14" s="524"/>
    </row>
    <row r="15" spans="1:15" ht="14.25" x14ac:dyDescent="0.15">
      <c r="A15" s="752"/>
      <c r="B15" s="162" t="s">
        <v>328</v>
      </c>
      <c r="C15" s="525">
        <v>0.31805555555555554</v>
      </c>
      <c r="D15" s="525">
        <v>0.3666666666666667</v>
      </c>
      <c r="E15" s="525">
        <v>0.40972222222222227</v>
      </c>
      <c r="F15" s="525">
        <v>0.45</v>
      </c>
      <c r="G15" s="525">
        <v>0.49305555555555602</v>
      </c>
      <c r="H15" s="525">
        <v>0.53333333333333399</v>
      </c>
      <c r="I15" s="525">
        <v>0.57638888888888895</v>
      </c>
      <c r="J15" s="525">
        <v>0.61666666666666703</v>
      </c>
      <c r="K15" s="525">
        <v>0.65972222222222199</v>
      </c>
      <c r="L15" s="525">
        <v>0.7</v>
      </c>
      <c r="M15" s="525">
        <v>0.74305555555555602</v>
      </c>
      <c r="N15" s="525">
        <v>0.78333333333333299</v>
      </c>
      <c r="O15" s="524"/>
    </row>
    <row r="16" spans="1:15" ht="14.25" x14ac:dyDescent="0.15">
      <c r="A16" s="752"/>
      <c r="B16" s="162" t="s">
        <v>329</v>
      </c>
      <c r="C16" s="525">
        <v>0.31875000000000003</v>
      </c>
      <c r="D16" s="525">
        <v>0.36736111111111108</v>
      </c>
      <c r="E16" s="525">
        <v>0.41041666666666665</v>
      </c>
      <c r="F16" s="525">
        <v>0.45069444444444401</v>
      </c>
      <c r="G16" s="525">
        <v>0.49375000000000002</v>
      </c>
      <c r="H16" s="525">
        <v>0.53402777777777799</v>
      </c>
      <c r="I16" s="525">
        <v>0.57708333333333295</v>
      </c>
      <c r="J16" s="525">
        <v>0.61736111111111103</v>
      </c>
      <c r="K16" s="525">
        <v>0.66041666666666698</v>
      </c>
      <c r="L16" s="525">
        <v>0.70069444444444395</v>
      </c>
      <c r="M16" s="525">
        <v>0.74375000000000002</v>
      </c>
      <c r="N16" s="525">
        <v>0.78402777777777399</v>
      </c>
      <c r="O16" s="524"/>
    </row>
    <row r="17" spans="1:15" ht="14.25" x14ac:dyDescent="0.15">
      <c r="A17" s="752"/>
      <c r="B17" s="527" t="s">
        <v>330</v>
      </c>
      <c r="C17" s="528">
        <v>0.31944444444444448</v>
      </c>
      <c r="D17" s="528">
        <v>0.36805555555555558</v>
      </c>
      <c r="E17" s="528">
        <v>0.41111111111111115</v>
      </c>
      <c r="F17" s="528">
        <v>0.45138888888888901</v>
      </c>
      <c r="G17" s="528">
        <v>0.49444444444444402</v>
      </c>
      <c r="H17" s="528">
        <v>0.53472222222222299</v>
      </c>
      <c r="I17" s="528">
        <v>0.57777777777777795</v>
      </c>
      <c r="J17" s="528">
        <v>0.61805555555555602</v>
      </c>
      <c r="K17" s="528">
        <v>0.66111111111111098</v>
      </c>
      <c r="L17" s="528">
        <v>0.70138888888888895</v>
      </c>
      <c r="M17" s="528">
        <v>0.74444444444444402</v>
      </c>
      <c r="N17" s="528">
        <v>0.78472222222222199</v>
      </c>
      <c r="O17" s="524"/>
    </row>
    <row r="18" spans="1:15" ht="14.25" x14ac:dyDescent="0.15">
      <c r="A18" s="752"/>
      <c r="B18" s="38" t="s">
        <v>331</v>
      </c>
      <c r="C18" s="525">
        <v>0.31944444444444448</v>
      </c>
      <c r="D18" s="525">
        <v>0.36805555555555558</v>
      </c>
      <c r="E18" s="525">
        <v>0.41111111111111115</v>
      </c>
      <c r="F18" s="525">
        <v>0.45138888888888901</v>
      </c>
      <c r="G18" s="525">
        <v>0.49444444444444402</v>
      </c>
      <c r="H18" s="525">
        <v>0.53472222222222299</v>
      </c>
      <c r="I18" s="525">
        <v>0.57777777777777795</v>
      </c>
      <c r="J18" s="525">
        <v>0.61805555555555602</v>
      </c>
      <c r="K18" s="525">
        <v>0.66111111111111098</v>
      </c>
      <c r="L18" s="525">
        <v>0.70138888888888895</v>
      </c>
      <c r="M18" s="525">
        <v>0.74444444444444402</v>
      </c>
      <c r="N18" s="525">
        <v>0.78472222222222199</v>
      </c>
      <c r="O18" s="524"/>
    </row>
    <row r="19" spans="1:15" ht="14.25" x14ac:dyDescent="0.15">
      <c r="A19" s="752"/>
      <c r="B19" s="529" t="s">
        <v>332</v>
      </c>
      <c r="C19" s="530">
        <v>0.32013888888888892</v>
      </c>
      <c r="D19" s="525">
        <v>0.36874999999999997</v>
      </c>
      <c r="E19" s="530">
        <v>0.41180555555555554</v>
      </c>
      <c r="F19" s="525">
        <v>0.452083333333333</v>
      </c>
      <c r="G19" s="530">
        <v>0.49513888888888902</v>
      </c>
      <c r="H19" s="525">
        <v>0.53541666666666698</v>
      </c>
      <c r="I19" s="530">
        <v>0.57847222222222205</v>
      </c>
      <c r="J19" s="525">
        <v>0.61875000000000002</v>
      </c>
      <c r="K19" s="530">
        <v>0.66180555555555598</v>
      </c>
      <c r="L19" s="525">
        <v>0.70208333333333295</v>
      </c>
      <c r="M19" s="530">
        <v>0.74513888888888902</v>
      </c>
      <c r="N19" s="530">
        <v>0.78541666666666698</v>
      </c>
      <c r="O19" s="524"/>
    </row>
    <row r="20" spans="1:15" ht="14.25" x14ac:dyDescent="0.15">
      <c r="A20" s="752"/>
      <c r="B20" s="152" t="s">
        <v>333</v>
      </c>
      <c r="C20" s="525">
        <v>0.32083333333333336</v>
      </c>
      <c r="D20" s="525">
        <v>0.36944444444444446</v>
      </c>
      <c r="E20" s="525">
        <v>0.41250000000000003</v>
      </c>
      <c r="F20" s="525">
        <v>0.452777777777777</v>
      </c>
      <c r="G20" s="525">
        <v>0.49583333333333302</v>
      </c>
      <c r="H20" s="525">
        <v>0.53611111111111098</v>
      </c>
      <c r="I20" s="525">
        <v>0.57916666666666705</v>
      </c>
      <c r="J20" s="525">
        <v>0.61944444444444402</v>
      </c>
      <c r="K20" s="525">
        <v>0.66249999999999998</v>
      </c>
      <c r="L20" s="525">
        <v>0.70277777777777695</v>
      </c>
      <c r="M20" s="525">
        <v>0.74583333333333302</v>
      </c>
      <c r="N20" s="525">
        <v>0.78611111111111098</v>
      </c>
      <c r="O20" s="524"/>
    </row>
    <row r="21" spans="1:15" ht="14.25" x14ac:dyDescent="0.15">
      <c r="A21" s="752"/>
      <c r="B21" s="152" t="s">
        <v>51</v>
      </c>
      <c r="C21" s="525">
        <v>0.32430555555555557</v>
      </c>
      <c r="D21" s="525">
        <v>0.37291666666666662</v>
      </c>
      <c r="E21" s="525">
        <v>0.41597222222222219</v>
      </c>
      <c r="F21" s="525">
        <v>0.45624999999999999</v>
      </c>
      <c r="G21" s="525">
        <v>0.499305555555556</v>
      </c>
      <c r="H21" s="525">
        <v>0.53958333333333297</v>
      </c>
      <c r="I21" s="525">
        <v>0.58263888888888904</v>
      </c>
      <c r="J21" s="525">
        <v>0.62291666666666701</v>
      </c>
      <c r="K21" s="525">
        <v>0.66597222222222197</v>
      </c>
      <c r="L21" s="525">
        <v>0.70625000000000004</v>
      </c>
      <c r="M21" s="525">
        <v>0.749305555555555</v>
      </c>
      <c r="N21" s="525">
        <v>0.7895833333333333</v>
      </c>
      <c r="O21" s="524"/>
    </row>
    <row r="22" spans="1:15" ht="15" thickBot="1" x14ac:dyDescent="0.2">
      <c r="A22" s="752"/>
      <c r="B22" s="156" t="s">
        <v>204</v>
      </c>
      <c r="C22" s="528">
        <v>0.32569444444444445</v>
      </c>
      <c r="D22" s="528">
        <v>0.3743055555555555</v>
      </c>
      <c r="E22" s="528">
        <v>0.41736111111111113</v>
      </c>
      <c r="F22" s="528">
        <v>0.45763888888888898</v>
      </c>
      <c r="G22" s="528">
        <v>0.500694444444444</v>
      </c>
      <c r="H22" s="528">
        <v>0.54097222222222197</v>
      </c>
      <c r="I22" s="528">
        <v>0.58402777777777803</v>
      </c>
      <c r="J22" s="528">
        <v>0.624305555555555</v>
      </c>
      <c r="K22" s="528">
        <v>0.66736111111111096</v>
      </c>
      <c r="L22" s="528">
        <v>0.70763888888888904</v>
      </c>
      <c r="M22" s="528">
        <v>0.750694444444444</v>
      </c>
      <c r="N22" s="528">
        <v>0.7909722222222223</v>
      </c>
      <c r="O22" s="524"/>
    </row>
    <row r="23" spans="1:15" ht="14.25" x14ac:dyDescent="0.15">
      <c r="A23" s="753" t="s">
        <v>334</v>
      </c>
      <c r="B23" s="531" t="s">
        <v>204</v>
      </c>
      <c r="C23" s="532">
        <v>0.3263888888888889</v>
      </c>
      <c r="D23" s="532">
        <v>0.37638888888888888</v>
      </c>
      <c r="E23" s="532">
        <v>0.41805555555555601</v>
      </c>
      <c r="F23" s="532">
        <v>0.45972222222222198</v>
      </c>
      <c r="G23" s="532">
        <v>0.50138888888888899</v>
      </c>
      <c r="H23" s="532">
        <v>0.54305555555555596</v>
      </c>
      <c r="I23" s="532">
        <v>0.58472222222222203</v>
      </c>
      <c r="J23" s="532">
        <v>0.62638888888888899</v>
      </c>
      <c r="K23" s="532">
        <v>0.66805555555555596</v>
      </c>
      <c r="L23" s="532">
        <v>0.70972222222222203</v>
      </c>
      <c r="M23" s="532">
        <v>0.75138888888888899</v>
      </c>
      <c r="N23" s="532">
        <v>0.79305555555555596</v>
      </c>
      <c r="O23" s="524"/>
    </row>
    <row r="24" spans="1:15" ht="14.25" x14ac:dyDescent="0.15">
      <c r="A24" s="752"/>
      <c r="B24" s="38" t="s">
        <v>312</v>
      </c>
      <c r="C24" s="525">
        <v>0.3298611111111111</v>
      </c>
      <c r="D24" s="525">
        <v>0.37986111111111115</v>
      </c>
      <c r="E24" s="525">
        <v>0.421527777777778</v>
      </c>
      <c r="F24" s="525">
        <v>0.46319444444444402</v>
      </c>
      <c r="G24" s="525">
        <v>0.50486111111111098</v>
      </c>
      <c r="H24" s="525">
        <v>0.54652777777777795</v>
      </c>
      <c r="I24" s="525">
        <v>0.58819444444444402</v>
      </c>
      <c r="J24" s="525">
        <v>0.62986111111111098</v>
      </c>
      <c r="K24" s="525">
        <v>0.67152777777777795</v>
      </c>
      <c r="L24" s="525">
        <v>0.71319444444444402</v>
      </c>
      <c r="M24" s="525">
        <v>0.75486111111111098</v>
      </c>
      <c r="N24" s="525">
        <v>0.79652777777777795</v>
      </c>
      <c r="O24" s="524"/>
    </row>
    <row r="25" spans="1:15" ht="14.25" x14ac:dyDescent="0.15">
      <c r="A25" s="752"/>
      <c r="B25" s="38" t="s">
        <v>311</v>
      </c>
      <c r="C25" s="525">
        <v>0.33055555555555555</v>
      </c>
      <c r="D25" s="525">
        <v>0.38055555555555554</v>
      </c>
      <c r="E25" s="525">
        <v>0.422222222222222</v>
      </c>
      <c r="F25" s="525">
        <v>0.46388888888888902</v>
      </c>
      <c r="G25" s="525">
        <v>0.50555555555555598</v>
      </c>
      <c r="H25" s="525">
        <v>0.54722222222222205</v>
      </c>
      <c r="I25" s="525">
        <v>0.58888888888888902</v>
      </c>
      <c r="J25" s="525">
        <v>0.63055555555555598</v>
      </c>
      <c r="K25" s="525">
        <v>0.67222222222222205</v>
      </c>
      <c r="L25" s="525">
        <v>0.71388888888888902</v>
      </c>
      <c r="M25" s="525">
        <v>0.75555555555555598</v>
      </c>
      <c r="N25" s="525">
        <v>0.79722222222222205</v>
      </c>
      <c r="O25" s="524"/>
    </row>
    <row r="26" spans="1:15" ht="14.25" x14ac:dyDescent="0.15">
      <c r="A26" s="752"/>
      <c r="B26" s="38" t="s">
        <v>309</v>
      </c>
      <c r="C26" s="525">
        <v>0.33194444444444443</v>
      </c>
      <c r="D26" s="525">
        <v>0.38194444444444442</v>
      </c>
      <c r="E26" s="525">
        <v>0.42361111111111099</v>
      </c>
      <c r="F26" s="525">
        <v>0.46527777777777801</v>
      </c>
      <c r="G26" s="525">
        <v>0.50694444444444398</v>
      </c>
      <c r="H26" s="525">
        <v>0.54861111111111105</v>
      </c>
      <c r="I26" s="525">
        <v>0.59027777777777801</v>
      </c>
      <c r="J26" s="525">
        <v>0.63194444444444398</v>
      </c>
      <c r="K26" s="525">
        <v>0.67361111111111105</v>
      </c>
      <c r="L26" s="525">
        <v>0.71527777777777801</v>
      </c>
      <c r="M26" s="525">
        <v>0.75694444444444398</v>
      </c>
      <c r="N26" s="525">
        <v>0.79861111111111105</v>
      </c>
      <c r="O26" s="524"/>
    </row>
    <row r="27" spans="1:15" ht="14.25" x14ac:dyDescent="0.15">
      <c r="A27" s="752"/>
      <c r="B27" s="38" t="s">
        <v>115</v>
      </c>
      <c r="C27" s="525">
        <v>0.33263888888888887</v>
      </c>
      <c r="D27" s="525">
        <v>0.38263888888888892</v>
      </c>
      <c r="E27" s="525">
        <v>0.42430555555555599</v>
      </c>
      <c r="F27" s="525">
        <v>0.46597222222222201</v>
      </c>
      <c r="G27" s="525">
        <v>0.50763888888888897</v>
      </c>
      <c r="H27" s="525">
        <v>0.54930555555555605</v>
      </c>
      <c r="I27" s="525">
        <v>0.59097222222222201</v>
      </c>
      <c r="J27" s="525">
        <v>0.63263888888888897</v>
      </c>
      <c r="K27" s="525">
        <v>0.67430555555555605</v>
      </c>
      <c r="L27" s="525">
        <v>0.71597222222222201</v>
      </c>
      <c r="M27" s="525">
        <v>0.75763888888888897</v>
      </c>
      <c r="N27" s="525">
        <v>0.79930555555555605</v>
      </c>
      <c r="O27" s="524"/>
    </row>
    <row r="28" spans="1:15" ht="14.25" x14ac:dyDescent="0.15">
      <c r="A28" s="752"/>
      <c r="B28" s="38" t="s">
        <v>335</v>
      </c>
      <c r="C28" s="525">
        <v>0.33402777777777781</v>
      </c>
      <c r="D28" s="525">
        <v>0.3840277777777778</v>
      </c>
      <c r="E28" s="525">
        <v>0.42569444444444399</v>
      </c>
      <c r="F28" s="525">
        <v>0.46736111111111101</v>
      </c>
      <c r="G28" s="525">
        <v>0.50902777777777797</v>
      </c>
      <c r="H28" s="525">
        <v>0.55069444444444404</v>
      </c>
      <c r="I28" s="525">
        <v>0.59236111111111101</v>
      </c>
      <c r="J28" s="525">
        <v>0.63402777777777797</v>
      </c>
      <c r="K28" s="525">
        <v>0.67569444444444404</v>
      </c>
      <c r="L28" s="525">
        <v>0.71736111111111101</v>
      </c>
      <c r="M28" s="525">
        <v>0.75902777777777797</v>
      </c>
      <c r="N28" s="525">
        <v>0.80069444444444404</v>
      </c>
      <c r="O28" s="524"/>
    </row>
    <row r="29" spans="1:15" ht="14.25" x14ac:dyDescent="0.15">
      <c r="A29" s="752"/>
      <c r="B29" s="38" t="s">
        <v>336</v>
      </c>
      <c r="C29" s="525">
        <v>0.3347222222222222</v>
      </c>
      <c r="D29" s="525">
        <v>0.38472222222222219</v>
      </c>
      <c r="E29" s="525">
        <v>0.42638888888888898</v>
      </c>
      <c r="F29" s="525">
        <v>0.468055555555556</v>
      </c>
      <c r="G29" s="525">
        <v>0.50972222222222197</v>
      </c>
      <c r="H29" s="525">
        <v>0.55138888888888904</v>
      </c>
      <c r="I29" s="525">
        <v>0.593055555555556</v>
      </c>
      <c r="J29" s="525">
        <v>0.63472222222222197</v>
      </c>
      <c r="K29" s="525">
        <v>0.67638888888888904</v>
      </c>
      <c r="L29" s="525">
        <v>0.718055555555555</v>
      </c>
      <c r="M29" s="525">
        <v>0.75972222222222197</v>
      </c>
      <c r="N29" s="525">
        <v>0.80138888888888904</v>
      </c>
      <c r="O29" s="524"/>
    </row>
    <row r="30" spans="1:15" ht="14.25" x14ac:dyDescent="0.15">
      <c r="A30" s="752"/>
      <c r="B30" s="38" t="s">
        <v>112</v>
      </c>
      <c r="C30" s="525">
        <v>0.3354166666666667</v>
      </c>
      <c r="D30" s="525">
        <v>0.38541666666666669</v>
      </c>
      <c r="E30" s="525">
        <v>0.42708333333333298</v>
      </c>
      <c r="F30" s="525">
        <v>0.46875</v>
      </c>
      <c r="G30" s="525">
        <v>0.51041666666666696</v>
      </c>
      <c r="H30" s="525">
        <v>0.55208333333333304</v>
      </c>
      <c r="I30" s="525">
        <v>0.59375</v>
      </c>
      <c r="J30" s="525">
        <v>0.63541666666666696</v>
      </c>
      <c r="K30" s="525">
        <v>0.67708333333333304</v>
      </c>
      <c r="L30" s="525">
        <v>0.71875</v>
      </c>
      <c r="M30" s="525">
        <v>0.76041666666666696</v>
      </c>
      <c r="N30" s="525">
        <v>0.80208333333333304</v>
      </c>
      <c r="O30" s="524"/>
    </row>
    <row r="31" spans="1:15" ht="14.25" x14ac:dyDescent="0.15">
      <c r="A31" s="752"/>
      <c r="B31" s="38" t="s">
        <v>337</v>
      </c>
      <c r="C31" s="525">
        <v>0.33680555555555558</v>
      </c>
      <c r="D31" s="525">
        <v>0.38680555555555557</v>
      </c>
      <c r="E31" s="525">
        <v>0.42847222222222198</v>
      </c>
      <c r="F31" s="525">
        <v>0.47013888888888899</v>
      </c>
      <c r="G31" s="525">
        <v>0.51180555555555596</v>
      </c>
      <c r="H31" s="525">
        <v>0.55347222222222203</v>
      </c>
      <c r="I31" s="525">
        <v>0.59513888888888899</v>
      </c>
      <c r="J31" s="525">
        <v>0.63680555555555596</v>
      </c>
      <c r="K31" s="525">
        <v>0.67847222222222203</v>
      </c>
      <c r="L31" s="525">
        <v>0.72013888888888899</v>
      </c>
      <c r="M31" s="525">
        <v>0.76180555555555596</v>
      </c>
      <c r="N31" s="525">
        <v>0.80347222222222203</v>
      </c>
      <c r="O31" s="524"/>
    </row>
    <row r="32" spans="1:15" ht="14.25" x14ac:dyDescent="0.15">
      <c r="A32" s="752"/>
      <c r="B32" s="156" t="s">
        <v>338</v>
      </c>
      <c r="C32" s="528">
        <v>0.33819444444444446</v>
      </c>
      <c r="D32" s="528">
        <v>0.38819444444444445</v>
      </c>
      <c r="E32" s="528">
        <v>0.42986111111111103</v>
      </c>
      <c r="F32" s="528">
        <v>0.47152777777777799</v>
      </c>
      <c r="G32" s="528">
        <v>0.51319444444444495</v>
      </c>
      <c r="H32" s="528">
        <v>0.55486111111111103</v>
      </c>
      <c r="I32" s="528">
        <v>0.59652777777777799</v>
      </c>
      <c r="J32" s="528">
        <v>0.63819444444444495</v>
      </c>
      <c r="K32" s="528">
        <v>0.67986111111111103</v>
      </c>
      <c r="L32" s="528">
        <v>0.72152777777777799</v>
      </c>
      <c r="M32" s="528">
        <v>0.76319444444444495</v>
      </c>
      <c r="N32" s="528">
        <v>0.80486111111111103</v>
      </c>
      <c r="O32" s="524"/>
    </row>
    <row r="33" spans="1:15" ht="14.25" x14ac:dyDescent="0.15">
      <c r="A33" s="754"/>
      <c r="B33" s="110" t="s">
        <v>45</v>
      </c>
      <c r="C33" s="533">
        <v>0.33888888888888885</v>
      </c>
      <c r="D33" s="525">
        <v>0.3888888888888889</v>
      </c>
      <c r="E33" s="525">
        <v>0.43055555555555602</v>
      </c>
      <c r="F33" s="525">
        <v>0.47222222222222199</v>
      </c>
      <c r="G33" s="525">
        <v>0.51388888888888895</v>
      </c>
      <c r="H33" s="525">
        <v>0.55555555555555602</v>
      </c>
      <c r="I33" s="525">
        <v>0.59722222222222199</v>
      </c>
      <c r="J33" s="525">
        <v>0.63888888888888895</v>
      </c>
      <c r="K33" s="525">
        <v>0.68055555555555602</v>
      </c>
      <c r="L33" s="525">
        <v>0.72222222222222199</v>
      </c>
      <c r="M33" s="525">
        <v>0.76388888888888895</v>
      </c>
      <c r="N33" s="525">
        <v>0.80555555555555602</v>
      </c>
      <c r="O33" s="524"/>
    </row>
    <row r="34" spans="1:15" ht="14.25" x14ac:dyDescent="0.15">
      <c r="A34" s="752"/>
      <c r="B34" s="141" t="s">
        <v>51</v>
      </c>
      <c r="C34" s="525">
        <v>0.34166666666666662</v>
      </c>
      <c r="D34" s="525">
        <v>0.39166666666666666</v>
      </c>
      <c r="E34" s="525">
        <v>0.43333333333333335</v>
      </c>
      <c r="F34" s="525">
        <v>0.47500000000000003</v>
      </c>
      <c r="G34" s="525">
        <v>0.51666666666666672</v>
      </c>
      <c r="H34" s="525">
        <v>0.55833333333333335</v>
      </c>
      <c r="I34" s="525">
        <v>0.6</v>
      </c>
      <c r="J34" s="525">
        <v>0.64166666666666705</v>
      </c>
      <c r="K34" s="525">
        <v>0.68333333333333401</v>
      </c>
      <c r="L34" s="525">
        <v>0.72499999999999998</v>
      </c>
      <c r="M34" s="525">
        <v>0.76666666666666705</v>
      </c>
      <c r="N34" s="525">
        <v>0.80833333333333302</v>
      </c>
      <c r="O34" s="524"/>
    </row>
    <row r="35" spans="1:15" ht="14.25" x14ac:dyDescent="0.15">
      <c r="A35" s="755"/>
      <c r="B35" s="38" t="s">
        <v>204</v>
      </c>
      <c r="C35" s="525">
        <v>0.3430555555555555</v>
      </c>
      <c r="D35" s="525">
        <v>0.39305555555555555</v>
      </c>
      <c r="E35" s="525">
        <v>0.43472222222222223</v>
      </c>
      <c r="F35" s="525">
        <v>0.47638888888888892</v>
      </c>
      <c r="G35" s="525">
        <v>0.5180555555555556</v>
      </c>
      <c r="H35" s="525">
        <v>0.55972222222222223</v>
      </c>
      <c r="I35" s="525">
        <v>0.60138888888888886</v>
      </c>
      <c r="J35" s="525">
        <v>0.6430555555555556</v>
      </c>
      <c r="K35" s="525">
        <v>0.68472222222222223</v>
      </c>
      <c r="L35" s="525">
        <v>0.72638888888888886</v>
      </c>
      <c r="M35" s="525">
        <v>0.76805555555555505</v>
      </c>
      <c r="N35" s="525">
        <v>0.80972222222222201</v>
      </c>
      <c r="O35" s="524"/>
    </row>
    <row r="36" spans="1:15" x14ac:dyDescent="0.15">
      <c r="A36" s="534"/>
      <c r="D36" s="524"/>
      <c r="E36" s="524"/>
      <c r="F36" s="524"/>
      <c r="G36" s="524"/>
      <c r="H36" s="524"/>
      <c r="I36" s="524"/>
      <c r="J36" s="524"/>
      <c r="K36" s="524"/>
      <c r="L36" s="524"/>
      <c r="O36" s="524"/>
    </row>
    <row r="37" spans="1:15" x14ac:dyDescent="0.15">
      <c r="A37" s="187"/>
      <c r="B37" s="187"/>
      <c r="C37" s="187"/>
      <c r="D37" s="187"/>
      <c r="E37" s="187"/>
      <c r="F37" s="535" t="s">
        <v>339</v>
      </c>
      <c r="G37" s="187"/>
      <c r="H37" s="187"/>
      <c r="I37" s="187"/>
      <c r="J37" s="187"/>
      <c r="K37" s="187"/>
      <c r="L37" s="187"/>
      <c r="M37" s="187"/>
      <c r="N37" s="187"/>
      <c r="O37" s="187"/>
    </row>
    <row r="38" spans="1:15" x14ac:dyDescent="0.15">
      <c r="A38" s="524"/>
      <c r="B38" s="524"/>
      <c r="C38" s="524"/>
      <c r="D38" s="524"/>
      <c r="E38" s="524"/>
      <c r="F38" s="536" t="s">
        <v>340</v>
      </c>
      <c r="G38" s="524"/>
      <c r="H38" s="524"/>
      <c r="I38" s="524"/>
      <c r="J38" s="524"/>
      <c r="K38" s="524"/>
      <c r="L38" s="524"/>
      <c r="M38" s="524"/>
      <c r="N38" s="524"/>
      <c r="O38" s="524"/>
    </row>
  </sheetData>
  <mergeCells count="3">
    <mergeCell ref="B1:N1"/>
    <mergeCell ref="A4:A22"/>
    <mergeCell ref="A23:A35"/>
  </mergeCells>
  <phoneticPr fontId="3"/>
  <pageMargins left="0.59055118110236227" right="0" top="0.39370078740157483" bottom="0" header="0" footer="0"/>
  <pageSetup paperSize="9" scale="95" orientation="landscape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26"/>
  <sheetViews>
    <sheetView view="pageBreakPreview" zoomScaleNormal="100" zoomScaleSheetLayoutView="100" workbookViewId="0">
      <selection activeCell="G4" sqref="G4"/>
    </sheetView>
  </sheetViews>
  <sheetFormatPr defaultRowHeight="30" customHeight="1" x14ac:dyDescent="0.15"/>
  <cols>
    <col min="1" max="1" width="4.125" style="298" customWidth="1"/>
    <col min="2" max="2" width="20.625" style="298" customWidth="1"/>
    <col min="3" max="10" width="7.625" style="298" customWidth="1"/>
    <col min="11" max="11" width="3.625" style="298" customWidth="1"/>
    <col min="12" max="12" width="4.125" style="298" customWidth="1"/>
    <col min="13" max="13" width="20.625" style="298" customWidth="1"/>
    <col min="14" max="20" width="7.625" style="298" customWidth="1"/>
    <col min="21" max="16384" width="9" style="298"/>
  </cols>
  <sheetData>
    <row r="1" spans="1:20" ht="24.95" customHeight="1" x14ac:dyDescent="0.15">
      <c r="A1" s="538"/>
      <c r="B1" s="756" t="s">
        <v>879</v>
      </c>
      <c r="C1" s="757"/>
      <c r="D1" s="757"/>
      <c r="E1" s="757"/>
      <c r="F1" s="757"/>
      <c r="G1" s="757"/>
      <c r="H1" s="757"/>
      <c r="I1" s="757"/>
      <c r="J1" s="757"/>
      <c r="K1" s="757"/>
      <c r="L1" s="757"/>
      <c r="M1" s="757"/>
      <c r="N1" s="757"/>
      <c r="O1" s="757"/>
      <c r="P1" s="757"/>
      <c r="Q1" s="757"/>
      <c r="R1" s="757"/>
      <c r="S1" s="757"/>
      <c r="T1" s="757"/>
    </row>
    <row r="2" spans="1:20" ht="15" customHeight="1" x14ac:dyDescent="0.15">
      <c r="A2" s="524"/>
      <c r="B2" s="524"/>
      <c r="C2" s="524"/>
      <c r="D2" s="524"/>
      <c r="E2" s="524"/>
      <c r="F2" s="524"/>
      <c r="G2" s="524"/>
      <c r="H2" s="524"/>
      <c r="I2" s="539"/>
      <c r="J2" s="44"/>
      <c r="K2" s="524"/>
      <c r="L2" s="524"/>
      <c r="M2" s="524"/>
      <c r="N2" s="524"/>
      <c r="O2" s="524"/>
      <c r="P2" s="524"/>
      <c r="Q2" s="524"/>
      <c r="R2" s="524"/>
      <c r="S2" s="524"/>
      <c r="T2" s="524"/>
    </row>
    <row r="3" spans="1:20" ht="20.100000000000001" customHeight="1" x14ac:dyDescent="0.15">
      <c r="A3" s="758" t="s">
        <v>60</v>
      </c>
      <c r="B3" s="540" t="s">
        <v>1</v>
      </c>
      <c r="C3" s="45" t="s">
        <v>2</v>
      </c>
      <c r="D3" s="46" t="s">
        <v>3</v>
      </c>
      <c r="E3" s="46" t="s">
        <v>4</v>
      </c>
      <c r="F3" s="46" t="s">
        <v>5</v>
      </c>
      <c r="G3" s="46" t="s">
        <v>6</v>
      </c>
      <c r="H3" s="46" t="s">
        <v>7</v>
      </c>
      <c r="I3" s="47" t="s">
        <v>8</v>
      </c>
      <c r="J3" s="48" t="s">
        <v>61</v>
      </c>
      <c r="K3" s="524"/>
      <c r="L3" s="762" t="s">
        <v>62</v>
      </c>
      <c r="M3" s="540" t="s">
        <v>1</v>
      </c>
      <c r="N3" s="45" t="s">
        <v>2</v>
      </c>
      <c r="O3" s="49" t="s">
        <v>3</v>
      </c>
      <c r="P3" s="49" t="s">
        <v>4</v>
      </c>
      <c r="Q3" s="50" t="s">
        <v>5</v>
      </c>
      <c r="R3" s="46" t="s">
        <v>6</v>
      </c>
      <c r="S3" s="51" t="s">
        <v>7</v>
      </c>
      <c r="T3" s="48" t="s">
        <v>8</v>
      </c>
    </row>
    <row r="4" spans="1:20" ht="20.100000000000001" customHeight="1" x14ac:dyDescent="0.15">
      <c r="A4" s="759"/>
      <c r="B4" s="541" t="s">
        <v>52</v>
      </c>
      <c r="C4" s="52">
        <v>0.28888888888888892</v>
      </c>
      <c r="D4" s="53">
        <v>0.30486111111111108</v>
      </c>
      <c r="E4" s="53">
        <v>0.40277777777777773</v>
      </c>
      <c r="F4" s="53">
        <v>0.53819444444444442</v>
      </c>
      <c r="G4" s="53">
        <v>0.64583333333333337</v>
      </c>
      <c r="H4" s="53">
        <v>0.70833333333333337</v>
      </c>
      <c r="I4" s="54">
        <v>0.76041666666666663</v>
      </c>
      <c r="J4" s="54">
        <v>0.80208333333333337</v>
      </c>
      <c r="K4" s="524"/>
      <c r="L4" s="763"/>
      <c r="M4" s="542" t="s">
        <v>63</v>
      </c>
      <c r="N4" s="55">
        <v>0.31319444444444439</v>
      </c>
      <c r="O4" s="56">
        <v>0.3298611111111111</v>
      </c>
      <c r="P4" s="57">
        <v>0.43472222222222212</v>
      </c>
      <c r="Q4" s="53">
        <v>0.56319444444444444</v>
      </c>
      <c r="R4" s="53">
        <v>0.67847222222222225</v>
      </c>
      <c r="S4" s="53">
        <v>0.73749999999999993</v>
      </c>
      <c r="T4" s="54">
        <v>0.78125</v>
      </c>
    </row>
    <row r="5" spans="1:20" ht="20.100000000000001" customHeight="1" x14ac:dyDescent="0.15">
      <c r="A5" s="759"/>
      <c r="B5" s="543" t="s">
        <v>64</v>
      </c>
      <c r="C5" s="58">
        <v>0.2902777777777778</v>
      </c>
      <c r="D5" s="53">
        <v>0.30624999999999997</v>
      </c>
      <c r="E5" s="53">
        <v>0.40416666666666662</v>
      </c>
      <c r="F5" s="53">
        <v>0.5395833333333333</v>
      </c>
      <c r="G5" s="53">
        <v>0.64722222222222225</v>
      </c>
      <c r="H5" s="53">
        <v>0.70972222222222225</v>
      </c>
      <c r="I5" s="54">
        <v>0.76180555555555562</v>
      </c>
      <c r="J5" s="54">
        <v>0.80347222222222225</v>
      </c>
      <c r="K5" s="524"/>
      <c r="L5" s="763"/>
      <c r="M5" s="542" t="s">
        <v>24</v>
      </c>
      <c r="N5" s="55">
        <v>0.31458333333333327</v>
      </c>
      <c r="O5" s="56">
        <v>0.33124999999999999</v>
      </c>
      <c r="P5" s="57">
        <v>0.43611111111111101</v>
      </c>
      <c r="Q5" s="53">
        <v>0.56458333333333333</v>
      </c>
      <c r="R5" s="53">
        <v>0.67986111111111114</v>
      </c>
      <c r="S5" s="53">
        <v>0.73888888888888893</v>
      </c>
      <c r="T5" s="54">
        <v>0.78263888888888899</v>
      </c>
    </row>
    <row r="6" spans="1:20" ht="20.100000000000001" customHeight="1" x14ac:dyDescent="0.15">
      <c r="A6" s="760"/>
      <c r="B6" s="59" t="s">
        <v>65</v>
      </c>
      <c r="C6" s="60">
        <v>0.29236111111111113</v>
      </c>
      <c r="D6" s="53">
        <v>0.30833333333333335</v>
      </c>
      <c r="E6" s="53">
        <v>0.40625</v>
      </c>
      <c r="F6" s="53">
        <v>0.54166666666666663</v>
      </c>
      <c r="G6" s="53">
        <v>0.64930555555555558</v>
      </c>
      <c r="H6" s="53">
        <v>0.71180555555555558</v>
      </c>
      <c r="I6" s="54">
        <v>0.76388888888888884</v>
      </c>
      <c r="J6" s="54">
        <v>0.80555555555555547</v>
      </c>
      <c r="K6" s="524"/>
      <c r="L6" s="763"/>
      <c r="M6" s="544" t="s">
        <v>22</v>
      </c>
      <c r="N6" s="55">
        <v>0.31527777777777771</v>
      </c>
      <c r="O6" s="56">
        <v>0.33194444444444443</v>
      </c>
      <c r="P6" s="57">
        <v>0.43680555555555545</v>
      </c>
      <c r="Q6" s="53">
        <v>0.56527777777777777</v>
      </c>
      <c r="R6" s="53">
        <v>0.68055555555555547</v>
      </c>
      <c r="S6" s="53">
        <v>0.73958333333333337</v>
      </c>
      <c r="T6" s="54">
        <v>0.78333333333333333</v>
      </c>
    </row>
    <row r="7" spans="1:20" ht="20.100000000000001" customHeight="1" x14ac:dyDescent="0.15">
      <c r="A7" s="759"/>
      <c r="B7" s="545" t="s">
        <v>66</v>
      </c>
      <c r="C7" s="52">
        <v>0.29305555555555557</v>
      </c>
      <c r="D7" s="53">
        <v>0.30902777777777779</v>
      </c>
      <c r="E7" s="53">
        <v>0.4069444444444445</v>
      </c>
      <c r="F7" s="53">
        <v>0.54236111111111107</v>
      </c>
      <c r="G7" s="53">
        <v>0.65</v>
      </c>
      <c r="H7" s="53">
        <v>0.71250000000000002</v>
      </c>
      <c r="I7" s="54">
        <v>0.76458333333333339</v>
      </c>
      <c r="J7" s="54">
        <v>0.80625000000000002</v>
      </c>
      <c r="K7" s="524"/>
      <c r="L7" s="763"/>
      <c r="M7" s="61" t="s">
        <v>15</v>
      </c>
      <c r="N7" s="62">
        <v>0.31736111111111104</v>
      </c>
      <c r="O7" s="56">
        <v>0.33402777777777776</v>
      </c>
      <c r="P7" s="57">
        <v>0.43888888888888877</v>
      </c>
      <c r="Q7" s="53">
        <v>0.56736111111111109</v>
      </c>
      <c r="R7" s="53">
        <v>0.68263888888888891</v>
      </c>
      <c r="S7" s="53">
        <v>0.7416666666666667</v>
      </c>
      <c r="T7" s="54">
        <v>0.78541666666666676</v>
      </c>
    </row>
    <row r="8" spans="1:20" ht="20.100000000000001" customHeight="1" x14ac:dyDescent="0.15">
      <c r="A8" s="759"/>
      <c r="B8" s="541" t="s">
        <v>67</v>
      </c>
      <c r="C8" s="52">
        <v>0.29444444444444445</v>
      </c>
      <c r="D8" s="53">
        <v>0.31041666666666667</v>
      </c>
      <c r="E8" s="53">
        <v>0.40833333333333338</v>
      </c>
      <c r="F8" s="53">
        <v>0.54374999999999996</v>
      </c>
      <c r="G8" s="53">
        <v>0.65138888888888891</v>
      </c>
      <c r="H8" s="53">
        <v>0.71388888888888891</v>
      </c>
      <c r="I8" s="54">
        <v>0.76597222222222217</v>
      </c>
      <c r="J8" s="54">
        <v>0.80763888888888891</v>
      </c>
      <c r="K8" s="524"/>
      <c r="L8" s="763"/>
      <c r="M8" s="545" t="s">
        <v>68</v>
      </c>
      <c r="N8" s="55">
        <v>0.31944444444444436</v>
      </c>
      <c r="O8" s="56">
        <v>0.33611111111111108</v>
      </c>
      <c r="P8" s="57">
        <v>0.4409722222222221</v>
      </c>
      <c r="Q8" s="53">
        <v>0.56944444444444442</v>
      </c>
      <c r="R8" s="53">
        <v>0.68472222222222223</v>
      </c>
      <c r="S8" s="53">
        <v>0.74375000000000002</v>
      </c>
      <c r="T8" s="54">
        <v>0.78749999999999998</v>
      </c>
    </row>
    <row r="9" spans="1:20" ht="20.100000000000001" customHeight="1" x14ac:dyDescent="0.15">
      <c r="A9" s="759"/>
      <c r="B9" s="541" t="s">
        <v>69</v>
      </c>
      <c r="C9" s="52">
        <v>0.2951388888888889</v>
      </c>
      <c r="D9" s="53">
        <v>0.31111111111111112</v>
      </c>
      <c r="E9" s="53">
        <v>0.40902777777777777</v>
      </c>
      <c r="F9" s="53">
        <v>0.5444444444444444</v>
      </c>
      <c r="G9" s="53">
        <v>0.65208333333333335</v>
      </c>
      <c r="H9" s="53">
        <v>0.71458333333333335</v>
      </c>
      <c r="I9" s="54">
        <v>0.76666666666666661</v>
      </c>
      <c r="J9" s="54">
        <v>0.80833333333333324</v>
      </c>
      <c r="K9" s="524"/>
      <c r="L9" s="763"/>
      <c r="M9" s="546" t="s">
        <v>70</v>
      </c>
      <c r="N9" s="55">
        <v>0.32013888888888881</v>
      </c>
      <c r="O9" s="56">
        <v>0.33680555555555552</v>
      </c>
      <c r="P9" s="57">
        <v>0.44166666666666654</v>
      </c>
      <c r="Q9" s="53">
        <v>0.57013888888888886</v>
      </c>
      <c r="R9" s="53">
        <v>0.68541666666666667</v>
      </c>
      <c r="S9" s="53">
        <v>0.74444444444444446</v>
      </c>
      <c r="T9" s="54">
        <v>0.78819444444444453</v>
      </c>
    </row>
    <row r="10" spans="1:20" ht="20.100000000000001" customHeight="1" x14ac:dyDescent="0.15">
      <c r="A10" s="759"/>
      <c r="B10" s="541" t="s">
        <v>71</v>
      </c>
      <c r="C10" s="52">
        <v>0.29583333333333334</v>
      </c>
      <c r="D10" s="53">
        <v>0.31180555555555556</v>
      </c>
      <c r="E10" s="53">
        <v>0.40972222222222227</v>
      </c>
      <c r="F10" s="53">
        <v>0.54513888888888884</v>
      </c>
      <c r="G10" s="53">
        <v>0.65277777777777779</v>
      </c>
      <c r="H10" s="53">
        <v>0.71527777777777779</v>
      </c>
      <c r="I10" s="54">
        <v>0.76736111111111116</v>
      </c>
      <c r="J10" s="54">
        <v>0.80902777777777779</v>
      </c>
      <c r="K10" s="524"/>
      <c r="L10" s="763"/>
      <c r="M10" s="541" t="s">
        <v>72</v>
      </c>
      <c r="N10" s="55">
        <v>0.32152777777777769</v>
      </c>
      <c r="O10" s="56">
        <v>0.33819444444444441</v>
      </c>
      <c r="P10" s="57">
        <v>0.44305555555555542</v>
      </c>
      <c r="Q10" s="53">
        <v>0.57152777777777775</v>
      </c>
      <c r="R10" s="53">
        <v>0.68680555555555556</v>
      </c>
      <c r="S10" s="53">
        <v>0.74583333333333324</v>
      </c>
      <c r="T10" s="54">
        <v>0.7895833333333333</v>
      </c>
    </row>
    <row r="11" spans="1:20" ht="20.100000000000001" customHeight="1" x14ac:dyDescent="0.15">
      <c r="A11" s="759"/>
      <c r="B11" s="541" t="s">
        <v>73</v>
      </c>
      <c r="C11" s="52">
        <v>0.29722222222222222</v>
      </c>
      <c r="D11" s="53">
        <v>0.31319444444444444</v>
      </c>
      <c r="E11" s="53">
        <v>0.41111111111111115</v>
      </c>
      <c r="F11" s="53">
        <v>0.54652777777777772</v>
      </c>
      <c r="G11" s="53">
        <v>0.65416666666666667</v>
      </c>
      <c r="H11" s="53">
        <v>0.71666666666666667</v>
      </c>
      <c r="I11" s="54">
        <v>0.76874999999999993</v>
      </c>
      <c r="J11" s="54">
        <v>0.81041666666666667</v>
      </c>
      <c r="K11" s="524"/>
      <c r="L11" s="763"/>
      <c r="M11" s="546" t="s">
        <v>74</v>
      </c>
      <c r="N11" s="55">
        <v>0.32291666666666657</v>
      </c>
      <c r="O11" s="56">
        <v>0.33958333333333329</v>
      </c>
      <c r="P11" s="57">
        <v>0.44444444444444431</v>
      </c>
      <c r="Q11" s="53">
        <v>0.57291666666666663</v>
      </c>
      <c r="R11" s="53">
        <v>0.68819444444444444</v>
      </c>
      <c r="S11" s="53">
        <v>0.74722222222222223</v>
      </c>
      <c r="T11" s="54">
        <v>0.7909722222222223</v>
      </c>
    </row>
    <row r="12" spans="1:20" ht="20.100000000000001" customHeight="1" x14ac:dyDescent="0.15">
      <c r="A12" s="759"/>
      <c r="B12" s="541" t="s">
        <v>75</v>
      </c>
      <c r="C12" s="52">
        <v>0.29791666666666666</v>
      </c>
      <c r="D12" s="53">
        <v>0.31388888888888888</v>
      </c>
      <c r="E12" s="53">
        <v>0.41180555555555554</v>
      </c>
      <c r="F12" s="53">
        <v>0.54722222222222217</v>
      </c>
      <c r="G12" s="53">
        <v>0.65486111111111112</v>
      </c>
      <c r="H12" s="53">
        <v>0.71736111111111112</v>
      </c>
      <c r="I12" s="54">
        <v>0.76944444444444438</v>
      </c>
      <c r="J12" s="54">
        <v>0.81111111111111101</v>
      </c>
      <c r="K12" s="524"/>
      <c r="L12" s="763"/>
      <c r="M12" s="546" t="s">
        <v>76</v>
      </c>
      <c r="N12" s="55">
        <v>0.32430555555555546</v>
      </c>
      <c r="O12" s="56">
        <v>0.34097222222222218</v>
      </c>
      <c r="P12" s="57">
        <v>0.44583333333333319</v>
      </c>
      <c r="Q12" s="53">
        <v>0.57430555555555551</v>
      </c>
      <c r="R12" s="53">
        <v>0.68958333333333333</v>
      </c>
      <c r="S12" s="53">
        <v>0.74861111111111101</v>
      </c>
      <c r="T12" s="54">
        <v>0.79236111111111107</v>
      </c>
    </row>
    <row r="13" spans="1:20" ht="20.100000000000001" customHeight="1" x14ac:dyDescent="0.15">
      <c r="A13" s="759"/>
      <c r="B13" s="541" t="s">
        <v>76</v>
      </c>
      <c r="C13" s="52">
        <v>0.2986111111111111</v>
      </c>
      <c r="D13" s="53">
        <v>0.31458333333333333</v>
      </c>
      <c r="E13" s="53">
        <v>0.41250000000000003</v>
      </c>
      <c r="F13" s="53">
        <v>0.54791666666666661</v>
      </c>
      <c r="G13" s="53">
        <v>0.65555555555555556</v>
      </c>
      <c r="H13" s="53">
        <v>0.71805555555555556</v>
      </c>
      <c r="I13" s="54">
        <v>0.77013888888888893</v>
      </c>
      <c r="J13" s="54">
        <v>0.81180555555555556</v>
      </c>
      <c r="K13" s="524"/>
      <c r="L13" s="763"/>
      <c r="M13" s="546" t="s">
        <v>77</v>
      </c>
      <c r="N13" s="55">
        <v>0.32500000000000001</v>
      </c>
      <c r="O13" s="56">
        <v>0.34166666666666662</v>
      </c>
      <c r="P13" s="57">
        <v>0.44652777777777763</v>
      </c>
      <c r="Q13" s="53">
        <v>0.57500000000000007</v>
      </c>
      <c r="R13" s="53">
        <v>0.69027777777777777</v>
      </c>
      <c r="S13" s="53">
        <v>0.74930555555555556</v>
      </c>
      <c r="T13" s="54">
        <v>0.79305555555555562</v>
      </c>
    </row>
    <row r="14" spans="1:20" ht="20.100000000000001" customHeight="1" x14ac:dyDescent="0.15">
      <c r="A14" s="759"/>
      <c r="B14" s="541" t="s">
        <v>74</v>
      </c>
      <c r="C14" s="52">
        <v>0.3</v>
      </c>
      <c r="D14" s="53">
        <v>0.31597222222222221</v>
      </c>
      <c r="E14" s="53">
        <v>0.41388888888888892</v>
      </c>
      <c r="F14" s="53">
        <v>0.54930555555555549</v>
      </c>
      <c r="G14" s="53">
        <v>0.65694444444444444</v>
      </c>
      <c r="H14" s="53">
        <v>0.71944444444444444</v>
      </c>
      <c r="I14" s="54">
        <v>0.7715277777777777</v>
      </c>
      <c r="J14" s="54">
        <v>0.81319444444444444</v>
      </c>
      <c r="K14" s="524"/>
      <c r="L14" s="763"/>
      <c r="M14" s="546" t="s">
        <v>78</v>
      </c>
      <c r="N14" s="55">
        <v>0.32569444444444434</v>
      </c>
      <c r="O14" s="56">
        <v>0.34236111111111106</v>
      </c>
      <c r="P14" s="57">
        <v>0.44722222222222208</v>
      </c>
      <c r="Q14" s="53">
        <v>0.5756944444444444</v>
      </c>
      <c r="R14" s="53">
        <v>0.69097222222222221</v>
      </c>
      <c r="S14" s="53">
        <v>0.75</v>
      </c>
      <c r="T14" s="54">
        <v>0.79375000000000007</v>
      </c>
    </row>
    <row r="15" spans="1:20" ht="20.100000000000001" customHeight="1" x14ac:dyDescent="0.15">
      <c r="A15" s="759"/>
      <c r="B15" s="541" t="s">
        <v>72</v>
      </c>
      <c r="C15" s="52">
        <v>0.30138888888888887</v>
      </c>
      <c r="D15" s="53">
        <v>0.31736111111111115</v>
      </c>
      <c r="E15" s="53">
        <v>0.4152777777777778</v>
      </c>
      <c r="F15" s="53">
        <v>0.55069444444444438</v>
      </c>
      <c r="G15" s="53">
        <v>0.65833333333333333</v>
      </c>
      <c r="H15" s="53">
        <v>0.72083333333333333</v>
      </c>
      <c r="I15" s="54">
        <v>0.7729166666666667</v>
      </c>
      <c r="J15" s="54">
        <v>0.81458333333333333</v>
      </c>
      <c r="K15" s="524"/>
      <c r="L15" s="763"/>
      <c r="M15" s="546" t="s">
        <v>71</v>
      </c>
      <c r="N15" s="55">
        <v>0.32708333333333323</v>
      </c>
      <c r="O15" s="56">
        <v>0.34375</v>
      </c>
      <c r="P15" s="57">
        <v>0.44861111111111096</v>
      </c>
      <c r="Q15" s="53">
        <v>0.57708333333333328</v>
      </c>
      <c r="R15" s="53">
        <v>0.69236111111111109</v>
      </c>
      <c r="S15" s="53">
        <v>0.75138888888888899</v>
      </c>
      <c r="T15" s="54">
        <v>0.79513888888888884</v>
      </c>
    </row>
    <row r="16" spans="1:20" ht="20.100000000000001" customHeight="1" x14ac:dyDescent="0.15">
      <c r="A16" s="759"/>
      <c r="B16" s="541" t="s">
        <v>79</v>
      </c>
      <c r="C16" s="52">
        <v>0.30277777777777776</v>
      </c>
      <c r="D16" s="53">
        <v>0.31875000000000003</v>
      </c>
      <c r="E16" s="53">
        <v>0.41666666666666669</v>
      </c>
      <c r="F16" s="53">
        <v>0.55208333333333326</v>
      </c>
      <c r="G16" s="53">
        <v>0.65972222222222221</v>
      </c>
      <c r="H16" s="53">
        <v>0.72222222222222221</v>
      </c>
      <c r="I16" s="54">
        <v>0.77430555555555547</v>
      </c>
      <c r="J16" s="54">
        <v>0.81597222222222221</v>
      </c>
      <c r="K16" s="524"/>
      <c r="L16" s="763"/>
      <c r="M16" s="546" t="s">
        <v>69</v>
      </c>
      <c r="N16" s="55">
        <v>0.32777777777777767</v>
      </c>
      <c r="O16" s="56">
        <v>0.34444444444444439</v>
      </c>
      <c r="P16" s="57">
        <v>0.4493055555555554</v>
      </c>
      <c r="Q16" s="53">
        <v>0.57777777777777783</v>
      </c>
      <c r="R16" s="53">
        <v>0.69305555555555554</v>
      </c>
      <c r="S16" s="53">
        <v>0.75208333333333333</v>
      </c>
      <c r="T16" s="54">
        <v>0.79583333333333339</v>
      </c>
    </row>
    <row r="17" spans="1:20" ht="20.100000000000001" customHeight="1" x14ac:dyDescent="0.15">
      <c r="A17" s="759"/>
      <c r="B17" s="543" t="s">
        <v>68</v>
      </c>
      <c r="C17" s="52">
        <v>0.30347222222222225</v>
      </c>
      <c r="D17" s="53">
        <v>0.31944444444444448</v>
      </c>
      <c r="E17" s="53">
        <v>0.41736111111111113</v>
      </c>
      <c r="F17" s="53">
        <v>0.5527777777777777</v>
      </c>
      <c r="G17" s="53">
        <v>0.66041666666666665</v>
      </c>
      <c r="H17" s="53">
        <v>0.72291666666666665</v>
      </c>
      <c r="I17" s="54">
        <v>0.77500000000000002</v>
      </c>
      <c r="J17" s="54">
        <v>0.81666666666666676</v>
      </c>
      <c r="K17" s="524"/>
      <c r="L17" s="763"/>
      <c r="M17" s="546" t="s">
        <v>67</v>
      </c>
      <c r="N17" s="55">
        <v>0.32847222222222211</v>
      </c>
      <c r="O17" s="56">
        <v>0.34513888888888883</v>
      </c>
      <c r="P17" s="57">
        <v>0.45</v>
      </c>
      <c r="Q17" s="53">
        <v>0.57847222222222217</v>
      </c>
      <c r="R17" s="53">
        <v>0.69374999999999998</v>
      </c>
      <c r="S17" s="53">
        <v>0.75277777777777777</v>
      </c>
      <c r="T17" s="54">
        <v>0.79652777777777783</v>
      </c>
    </row>
    <row r="18" spans="1:20" ht="20.100000000000001" customHeight="1" x14ac:dyDescent="0.15">
      <c r="A18" s="759"/>
      <c r="B18" s="59" t="s">
        <v>15</v>
      </c>
      <c r="C18" s="60">
        <v>0.30555555555555552</v>
      </c>
      <c r="D18" s="53">
        <v>0.3215277777777778</v>
      </c>
      <c r="E18" s="53">
        <v>0.41944444444444445</v>
      </c>
      <c r="F18" s="53">
        <v>0.55486111111111103</v>
      </c>
      <c r="G18" s="53">
        <v>0.66249999999999998</v>
      </c>
      <c r="H18" s="53">
        <v>0.72499999999999998</v>
      </c>
      <c r="I18" s="54">
        <v>0.77708333333333324</v>
      </c>
      <c r="J18" s="54">
        <v>0.81874999999999998</v>
      </c>
      <c r="K18" s="524"/>
      <c r="L18" s="763"/>
      <c r="M18" s="547" t="s">
        <v>66</v>
      </c>
      <c r="N18" s="55">
        <v>0.32986111111111099</v>
      </c>
      <c r="O18" s="56">
        <v>0.34652777777777771</v>
      </c>
      <c r="P18" s="57">
        <v>0.45138888888888873</v>
      </c>
      <c r="Q18" s="53">
        <v>0.57986111111111105</v>
      </c>
      <c r="R18" s="53">
        <v>0.69513888888888886</v>
      </c>
      <c r="S18" s="53">
        <v>0.75416666666666676</v>
      </c>
      <c r="T18" s="54">
        <v>0.79791666666666661</v>
      </c>
    </row>
    <row r="19" spans="1:20" ht="20.100000000000001" customHeight="1" x14ac:dyDescent="0.15">
      <c r="A19" s="759"/>
      <c r="B19" s="545" t="s">
        <v>22</v>
      </c>
      <c r="C19" s="52">
        <v>0.30763888888888885</v>
      </c>
      <c r="D19" s="53">
        <v>0.32361111111111113</v>
      </c>
      <c r="E19" s="53">
        <v>0.42152777777777778</v>
      </c>
      <c r="F19" s="53">
        <v>0.55694444444444435</v>
      </c>
      <c r="G19" s="53">
        <v>0.6645833333333333</v>
      </c>
      <c r="H19" s="53">
        <v>0.7270833333333333</v>
      </c>
      <c r="I19" s="54">
        <v>0.77916666666666667</v>
      </c>
      <c r="J19" s="54">
        <v>0.8208333333333333</v>
      </c>
      <c r="K19" s="524"/>
      <c r="L19" s="763"/>
      <c r="M19" s="63" t="s">
        <v>44</v>
      </c>
      <c r="N19" s="62">
        <v>0.33055555555555544</v>
      </c>
      <c r="O19" s="56">
        <v>0.34722222222222215</v>
      </c>
      <c r="P19" s="57">
        <v>0.45208333333333317</v>
      </c>
      <c r="Q19" s="53">
        <v>0.5805555555555556</v>
      </c>
      <c r="R19" s="53">
        <v>0.6958333333333333</v>
      </c>
      <c r="S19" s="53">
        <v>0.75486111111111109</v>
      </c>
      <c r="T19" s="54">
        <v>0.79861111111111116</v>
      </c>
    </row>
    <row r="20" spans="1:20" ht="20.100000000000001" customHeight="1" x14ac:dyDescent="0.15">
      <c r="A20" s="759"/>
      <c r="B20" s="541" t="s">
        <v>24</v>
      </c>
      <c r="C20" s="52">
        <v>0.30833333333333329</v>
      </c>
      <c r="D20" s="53">
        <v>0.32430555555555557</v>
      </c>
      <c r="E20" s="53">
        <v>0.42222222222222222</v>
      </c>
      <c r="F20" s="53">
        <v>0.5576388888888888</v>
      </c>
      <c r="G20" s="53">
        <v>0.66527777777777775</v>
      </c>
      <c r="H20" s="53">
        <v>0.72777777777777775</v>
      </c>
      <c r="I20" s="54">
        <v>0.77986111111111101</v>
      </c>
      <c r="J20" s="54">
        <v>0.82152777777777775</v>
      </c>
      <c r="K20" s="524"/>
      <c r="L20" s="763"/>
      <c r="M20" s="548" t="s">
        <v>64</v>
      </c>
      <c r="N20" s="55">
        <v>0.33194444444444432</v>
      </c>
      <c r="O20" s="56">
        <v>0.34861111111111104</v>
      </c>
      <c r="P20" s="57">
        <v>0.45347222222222205</v>
      </c>
      <c r="Q20" s="53">
        <v>0.58194444444444449</v>
      </c>
      <c r="R20" s="53">
        <v>0.6972222222222223</v>
      </c>
      <c r="S20" s="53">
        <v>0.75624999999999998</v>
      </c>
      <c r="T20" s="54">
        <v>0.79999999999999993</v>
      </c>
    </row>
    <row r="21" spans="1:20" ht="20.100000000000001" customHeight="1" x14ac:dyDescent="0.15">
      <c r="A21" s="761"/>
      <c r="B21" s="541" t="s">
        <v>63</v>
      </c>
      <c r="C21" s="52">
        <v>0.30972222222222223</v>
      </c>
      <c r="D21" s="53">
        <v>0.32569444444444445</v>
      </c>
      <c r="E21" s="53">
        <v>0.4236111111111111</v>
      </c>
      <c r="F21" s="53">
        <v>0.55902777777777768</v>
      </c>
      <c r="G21" s="53">
        <v>0.66666666666666663</v>
      </c>
      <c r="H21" s="53">
        <v>0.72916666666666663</v>
      </c>
      <c r="I21" s="54">
        <v>0.78125</v>
      </c>
      <c r="J21" s="54">
        <v>0.82291666666666663</v>
      </c>
      <c r="K21" s="524"/>
      <c r="L21" s="764"/>
      <c r="M21" s="546" t="s">
        <v>52</v>
      </c>
      <c r="N21" s="55">
        <v>0.3333333333333332</v>
      </c>
      <c r="O21" s="64">
        <v>0.35</v>
      </c>
      <c r="P21" s="57">
        <v>0.45486111111111094</v>
      </c>
      <c r="Q21" s="53">
        <v>0.58333333333333337</v>
      </c>
      <c r="R21" s="53">
        <v>0.69861111111111107</v>
      </c>
      <c r="S21" s="65">
        <v>0.75763888888888886</v>
      </c>
      <c r="T21" s="54">
        <v>0.80138888888888893</v>
      </c>
    </row>
    <row r="22" spans="1:20" ht="20.100000000000001" customHeight="1" x14ac:dyDescent="0.15">
      <c r="A22" s="549"/>
      <c r="B22" s="524"/>
      <c r="C22" s="524"/>
      <c r="D22" s="524"/>
      <c r="E22" s="524"/>
      <c r="F22" s="524"/>
      <c r="G22" s="524"/>
      <c r="H22" s="524"/>
      <c r="I22" s="524"/>
      <c r="J22" s="524"/>
      <c r="K22" s="524"/>
      <c r="L22" s="66"/>
    </row>
    <row r="23" spans="1:20" ht="15" customHeight="1" x14ac:dyDescent="0.15">
      <c r="A23" s="524"/>
      <c r="B23" s="187"/>
      <c r="C23" s="187"/>
      <c r="D23" s="187"/>
      <c r="E23" s="187"/>
      <c r="F23" s="187"/>
      <c r="G23" s="187"/>
      <c r="H23" s="187"/>
      <c r="I23" s="187"/>
      <c r="J23" s="187"/>
      <c r="K23" s="524"/>
      <c r="L23" s="549"/>
      <c r="M23" s="187"/>
      <c r="N23" s="187"/>
      <c r="O23" s="187"/>
      <c r="P23" s="187"/>
      <c r="Q23" s="187"/>
      <c r="R23" s="187"/>
      <c r="S23" s="187"/>
      <c r="T23" s="187"/>
    </row>
    <row r="24" spans="1:20" s="186" customFormat="1" ht="15" customHeight="1" x14ac:dyDescent="0.15">
      <c r="A24" s="187"/>
      <c r="B24" s="468"/>
      <c r="C24" s="524"/>
      <c r="D24" s="524"/>
      <c r="E24" s="524"/>
      <c r="F24" s="524"/>
      <c r="G24" s="524"/>
      <c r="H24" s="524"/>
      <c r="I24" s="524"/>
      <c r="J24" s="524"/>
      <c r="K24" s="187"/>
      <c r="L24" s="187"/>
      <c r="M24" s="524"/>
      <c r="N24" s="524"/>
      <c r="O24" s="524"/>
      <c r="P24" s="524"/>
      <c r="Q24" s="524"/>
      <c r="R24" s="524"/>
      <c r="S24" s="524"/>
      <c r="T24" s="524"/>
    </row>
    <row r="25" spans="1:20" ht="15" customHeight="1" x14ac:dyDescent="0.15">
      <c r="A25" s="325"/>
      <c r="B25" s="325"/>
    </row>
    <row r="26" spans="1:20" ht="30" customHeight="1" x14ac:dyDescent="0.15">
      <c r="A26" s="325"/>
    </row>
  </sheetData>
  <mergeCells count="3">
    <mergeCell ref="B1:T1"/>
    <mergeCell ref="A3:A21"/>
    <mergeCell ref="L3:L21"/>
  </mergeCells>
  <phoneticPr fontId="3"/>
  <printOptions horizontalCentered="1"/>
  <pageMargins left="0.39370078740157483" right="0.39370078740157483" top="0.78740157480314965" bottom="0" header="0.51181102362204722" footer="0.51181102362204722"/>
  <pageSetup paperSize="9" scale="79" orientation="landscape" horizontalDpi="300" verticalDpi="300" r:id="rId1"/>
  <headerFooter alignWithMargins="0">
    <oddFooter xml:space="preserve">&amp;C&amp;16 </oddFooter>
  </headerFooter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93"/>
  <sheetViews>
    <sheetView view="pageBreakPreview" zoomScale="85" zoomScaleNormal="75" zoomScaleSheetLayoutView="85" workbookViewId="0">
      <selection activeCell="G4" sqref="G4"/>
    </sheetView>
  </sheetViews>
  <sheetFormatPr defaultRowHeight="13.5" x14ac:dyDescent="0.15"/>
  <cols>
    <col min="1" max="1" width="3.75" style="420" customWidth="1"/>
    <col min="2" max="2" width="26.375" style="421" bestFit="1" customWidth="1"/>
    <col min="3" max="8" width="10.625" style="551" customWidth="1"/>
    <col min="9" max="9" width="10.625" style="421" customWidth="1"/>
    <col min="10" max="10" width="5.75" style="421" customWidth="1"/>
    <col min="11" max="11" width="20.375" style="421" bestFit="1" customWidth="1"/>
    <col min="12" max="17" width="10.625" style="421" customWidth="1"/>
    <col min="18" max="18" width="9" style="421" customWidth="1"/>
    <col min="19" max="256" width="9" style="421"/>
    <col min="257" max="257" width="9" style="421" customWidth="1"/>
    <col min="258" max="258" width="18.125" style="421" customWidth="1"/>
    <col min="259" max="259" width="3.75" style="421" customWidth="1"/>
    <col min="260" max="512" width="9" style="421"/>
    <col min="513" max="513" width="9" style="421" customWidth="1"/>
    <col min="514" max="514" width="18.125" style="421" customWidth="1"/>
    <col min="515" max="515" width="3.75" style="421" customWidth="1"/>
    <col min="516" max="768" width="9" style="421"/>
    <col min="769" max="769" width="9" style="421" customWidth="1"/>
    <col min="770" max="770" width="18.125" style="421" customWidth="1"/>
    <col min="771" max="771" width="3.75" style="421" customWidth="1"/>
    <col min="772" max="1024" width="9" style="421"/>
    <col min="1025" max="1025" width="9" style="421" customWidth="1"/>
    <col min="1026" max="1026" width="18.125" style="421" customWidth="1"/>
    <col min="1027" max="1027" width="3.75" style="421" customWidth="1"/>
    <col min="1028" max="1280" width="9" style="421"/>
    <col min="1281" max="1281" width="9" style="421" customWidth="1"/>
    <col min="1282" max="1282" width="18.125" style="421" customWidth="1"/>
    <col min="1283" max="1283" width="3.75" style="421" customWidth="1"/>
    <col min="1284" max="1536" width="9" style="421"/>
    <col min="1537" max="1537" width="9" style="421" customWidth="1"/>
    <col min="1538" max="1538" width="18.125" style="421" customWidth="1"/>
    <col min="1539" max="1539" width="3.75" style="421" customWidth="1"/>
    <col min="1540" max="1792" width="9" style="421"/>
    <col min="1793" max="1793" width="9" style="421" customWidth="1"/>
    <col min="1794" max="1794" width="18.125" style="421" customWidth="1"/>
    <col min="1795" max="1795" width="3.75" style="421" customWidth="1"/>
    <col min="1796" max="2048" width="9" style="421"/>
    <col min="2049" max="2049" width="9" style="421" customWidth="1"/>
    <col min="2050" max="2050" width="18.125" style="421" customWidth="1"/>
    <col min="2051" max="2051" width="3.75" style="421" customWidth="1"/>
    <col min="2052" max="2304" width="9" style="421"/>
    <col min="2305" max="2305" width="9" style="421" customWidth="1"/>
    <col min="2306" max="2306" width="18.125" style="421" customWidth="1"/>
    <col min="2307" max="2307" width="3.75" style="421" customWidth="1"/>
    <col min="2308" max="2560" width="9" style="421"/>
    <col min="2561" max="2561" width="9" style="421" customWidth="1"/>
    <col min="2562" max="2562" width="18.125" style="421" customWidth="1"/>
    <col min="2563" max="2563" width="3.75" style="421" customWidth="1"/>
    <col min="2564" max="2816" width="9" style="421"/>
    <col min="2817" max="2817" width="9" style="421" customWidth="1"/>
    <col min="2818" max="2818" width="18.125" style="421" customWidth="1"/>
    <col min="2819" max="2819" width="3.75" style="421" customWidth="1"/>
    <col min="2820" max="3072" width="9" style="421"/>
    <col min="3073" max="3073" width="9" style="421" customWidth="1"/>
    <col min="3074" max="3074" width="18.125" style="421" customWidth="1"/>
    <col min="3075" max="3075" width="3.75" style="421" customWidth="1"/>
    <col min="3076" max="3328" width="9" style="421"/>
    <col min="3329" max="3329" width="9" style="421" customWidth="1"/>
    <col min="3330" max="3330" width="18.125" style="421" customWidth="1"/>
    <col min="3331" max="3331" width="3.75" style="421" customWidth="1"/>
    <col min="3332" max="3584" width="9" style="421"/>
    <col min="3585" max="3585" width="9" style="421" customWidth="1"/>
    <col min="3586" max="3586" width="18.125" style="421" customWidth="1"/>
    <col min="3587" max="3587" width="3.75" style="421" customWidth="1"/>
    <col min="3588" max="3840" width="9" style="421"/>
    <col min="3841" max="3841" width="9" style="421" customWidth="1"/>
    <col min="3842" max="3842" width="18.125" style="421" customWidth="1"/>
    <col min="3843" max="3843" width="3.75" style="421" customWidth="1"/>
    <col min="3844" max="4096" width="9" style="421"/>
    <col min="4097" max="4097" width="9" style="421" customWidth="1"/>
    <col min="4098" max="4098" width="18.125" style="421" customWidth="1"/>
    <col min="4099" max="4099" width="3.75" style="421" customWidth="1"/>
    <col min="4100" max="4352" width="9" style="421"/>
    <col min="4353" max="4353" width="9" style="421" customWidth="1"/>
    <col min="4354" max="4354" width="18.125" style="421" customWidth="1"/>
    <col min="4355" max="4355" width="3.75" style="421" customWidth="1"/>
    <col min="4356" max="4608" width="9" style="421"/>
    <col min="4609" max="4609" width="9" style="421" customWidth="1"/>
    <col min="4610" max="4610" width="18.125" style="421" customWidth="1"/>
    <col min="4611" max="4611" width="3.75" style="421" customWidth="1"/>
    <col min="4612" max="4864" width="9" style="421"/>
    <col min="4865" max="4865" width="9" style="421" customWidth="1"/>
    <col min="4866" max="4866" width="18.125" style="421" customWidth="1"/>
    <col min="4867" max="4867" width="3.75" style="421" customWidth="1"/>
    <col min="4868" max="5120" width="9" style="421"/>
    <col min="5121" max="5121" width="9" style="421" customWidth="1"/>
    <col min="5122" max="5122" width="18.125" style="421" customWidth="1"/>
    <col min="5123" max="5123" width="3.75" style="421" customWidth="1"/>
    <col min="5124" max="5376" width="9" style="421"/>
    <col min="5377" max="5377" width="9" style="421" customWidth="1"/>
    <col min="5378" max="5378" width="18.125" style="421" customWidth="1"/>
    <col min="5379" max="5379" width="3.75" style="421" customWidth="1"/>
    <col min="5380" max="5632" width="9" style="421"/>
    <col min="5633" max="5633" width="9" style="421" customWidth="1"/>
    <col min="5634" max="5634" width="18.125" style="421" customWidth="1"/>
    <col min="5635" max="5635" width="3.75" style="421" customWidth="1"/>
    <col min="5636" max="5888" width="9" style="421"/>
    <col min="5889" max="5889" width="9" style="421" customWidth="1"/>
    <col min="5890" max="5890" width="18.125" style="421" customWidth="1"/>
    <col min="5891" max="5891" width="3.75" style="421" customWidth="1"/>
    <col min="5892" max="6144" width="9" style="421"/>
    <col min="6145" max="6145" width="9" style="421" customWidth="1"/>
    <col min="6146" max="6146" width="18.125" style="421" customWidth="1"/>
    <col min="6147" max="6147" width="3.75" style="421" customWidth="1"/>
    <col min="6148" max="6400" width="9" style="421"/>
    <col min="6401" max="6401" width="9" style="421" customWidth="1"/>
    <col min="6402" max="6402" width="18.125" style="421" customWidth="1"/>
    <col min="6403" max="6403" width="3.75" style="421" customWidth="1"/>
    <col min="6404" max="6656" width="9" style="421"/>
    <col min="6657" max="6657" width="9" style="421" customWidth="1"/>
    <col min="6658" max="6658" width="18.125" style="421" customWidth="1"/>
    <col min="6659" max="6659" width="3.75" style="421" customWidth="1"/>
    <col min="6660" max="6912" width="9" style="421"/>
    <col min="6913" max="6913" width="9" style="421" customWidth="1"/>
    <col min="6914" max="6914" width="18.125" style="421" customWidth="1"/>
    <col min="6915" max="6915" width="3.75" style="421" customWidth="1"/>
    <col min="6916" max="7168" width="9" style="421"/>
    <col min="7169" max="7169" width="9" style="421" customWidth="1"/>
    <col min="7170" max="7170" width="18.125" style="421" customWidth="1"/>
    <col min="7171" max="7171" width="3.75" style="421" customWidth="1"/>
    <col min="7172" max="7424" width="9" style="421"/>
    <col min="7425" max="7425" width="9" style="421" customWidth="1"/>
    <col min="7426" max="7426" width="18.125" style="421" customWidth="1"/>
    <col min="7427" max="7427" width="3.75" style="421" customWidth="1"/>
    <col min="7428" max="7680" width="9" style="421"/>
    <col min="7681" max="7681" width="9" style="421" customWidth="1"/>
    <col min="7682" max="7682" width="18.125" style="421" customWidth="1"/>
    <col min="7683" max="7683" width="3.75" style="421" customWidth="1"/>
    <col min="7684" max="7936" width="9" style="421"/>
    <col min="7937" max="7937" width="9" style="421" customWidth="1"/>
    <col min="7938" max="7938" width="18.125" style="421" customWidth="1"/>
    <col min="7939" max="7939" width="3.75" style="421" customWidth="1"/>
    <col min="7940" max="8192" width="9" style="421"/>
    <col min="8193" max="8193" width="9" style="421" customWidth="1"/>
    <col min="8194" max="8194" width="18.125" style="421" customWidth="1"/>
    <col min="8195" max="8195" width="3.75" style="421" customWidth="1"/>
    <col min="8196" max="8448" width="9" style="421"/>
    <col min="8449" max="8449" width="9" style="421" customWidth="1"/>
    <col min="8450" max="8450" width="18.125" style="421" customWidth="1"/>
    <col min="8451" max="8451" width="3.75" style="421" customWidth="1"/>
    <col min="8452" max="8704" width="9" style="421"/>
    <col min="8705" max="8705" width="9" style="421" customWidth="1"/>
    <col min="8706" max="8706" width="18.125" style="421" customWidth="1"/>
    <col min="8707" max="8707" width="3.75" style="421" customWidth="1"/>
    <col min="8708" max="8960" width="9" style="421"/>
    <col min="8961" max="8961" width="9" style="421" customWidth="1"/>
    <col min="8962" max="8962" width="18.125" style="421" customWidth="1"/>
    <col min="8963" max="8963" width="3.75" style="421" customWidth="1"/>
    <col min="8964" max="9216" width="9" style="421"/>
    <col min="9217" max="9217" width="9" style="421" customWidth="1"/>
    <col min="9218" max="9218" width="18.125" style="421" customWidth="1"/>
    <col min="9219" max="9219" width="3.75" style="421" customWidth="1"/>
    <col min="9220" max="9472" width="9" style="421"/>
    <col min="9473" max="9473" width="9" style="421" customWidth="1"/>
    <col min="9474" max="9474" width="18.125" style="421" customWidth="1"/>
    <col min="9475" max="9475" width="3.75" style="421" customWidth="1"/>
    <col min="9476" max="9728" width="9" style="421"/>
    <col min="9729" max="9729" width="9" style="421" customWidth="1"/>
    <col min="9730" max="9730" width="18.125" style="421" customWidth="1"/>
    <col min="9731" max="9731" width="3.75" style="421" customWidth="1"/>
    <col min="9732" max="9984" width="9" style="421"/>
    <col min="9985" max="9985" width="9" style="421" customWidth="1"/>
    <col min="9986" max="9986" width="18.125" style="421" customWidth="1"/>
    <col min="9987" max="9987" width="3.75" style="421" customWidth="1"/>
    <col min="9988" max="10240" width="9" style="421"/>
    <col min="10241" max="10241" width="9" style="421" customWidth="1"/>
    <col min="10242" max="10242" width="18.125" style="421" customWidth="1"/>
    <col min="10243" max="10243" width="3.75" style="421" customWidth="1"/>
    <col min="10244" max="10496" width="9" style="421"/>
    <col min="10497" max="10497" width="9" style="421" customWidth="1"/>
    <col min="10498" max="10498" width="18.125" style="421" customWidth="1"/>
    <col min="10499" max="10499" width="3.75" style="421" customWidth="1"/>
    <col min="10500" max="10752" width="9" style="421"/>
    <col min="10753" max="10753" width="9" style="421" customWidth="1"/>
    <col min="10754" max="10754" width="18.125" style="421" customWidth="1"/>
    <col min="10755" max="10755" width="3.75" style="421" customWidth="1"/>
    <col min="10756" max="11008" width="9" style="421"/>
    <col min="11009" max="11009" width="9" style="421" customWidth="1"/>
    <col min="11010" max="11010" width="18.125" style="421" customWidth="1"/>
    <col min="11011" max="11011" width="3.75" style="421" customWidth="1"/>
    <col min="11012" max="11264" width="9" style="421"/>
    <col min="11265" max="11265" width="9" style="421" customWidth="1"/>
    <col min="11266" max="11266" width="18.125" style="421" customWidth="1"/>
    <col min="11267" max="11267" width="3.75" style="421" customWidth="1"/>
    <col min="11268" max="11520" width="9" style="421"/>
    <col min="11521" max="11521" width="9" style="421" customWidth="1"/>
    <col min="11522" max="11522" width="18.125" style="421" customWidth="1"/>
    <col min="11523" max="11523" width="3.75" style="421" customWidth="1"/>
    <col min="11524" max="11776" width="9" style="421"/>
    <col min="11777" max="11777" width="9" style="421" customWidth="1"/>
    <col min="11778" max="11778" width="18.125" style="421" customWidth="1"/>
    <col min="11779" max="11779" width="3.75" style="421" customWidth="1"/>
    <col min="11780" max="12032" width="9" style="421"/>
    <col min="12033" max="12033" width="9" style="421" customWidth="1"/>
    <col min="12034" max="12034" width="18.125" style="421" customWidth="1"/>
    <col min="12035" max="12035" width="3.75" style="421" customWidth="1"/>
    <col min="12036" max="12288" width="9" style="421"/>
    <col min="12289" max="12289" width="9" style="421" customWidth="1"/>
    <col min="12290" max="12290" width="18.125" style="421" customWidth="1"/>
    <col min="12291" max="12291" width="3.75" style="421" customWidth="1"/>
    <col min="12292" max="12544" width="9" style="421"/>
    <col min="12545" max="12545" width="9" style="421" customWidth="1"/>
    <col min="12546" max="12546" width="18.125" style="421" customWidth="1"/>
    <col min="12547" max="12547" width="3.75" style="421" customWidth="1"/>
    <col min="12548" max="12800" width="9" style="421"/>
    <col min="12801" max="12801" width="9" style="421" customWidth="1"/>
    <col min="12802" max="12802" width="18.125" style="421" customWidth="1"/>
    <col min="12803" max="12803" width="3.75" style="421" customWidth="1"/>
    <col min="12804" max="13056" width="9" style="421"/>
    <col min="13057" max="13057" width="9" style="421" customWidth="1"/>
    <col min="13058" max="13058" width="18.125" style="421" customWidth="1"/>
    <col min="13059" max="13059" width="3.75" style="421" customWidth="1"/>
    <col min="13060" max="13312" width="9" style="421"/>
    <col min="13313" max="13313" width="9" style="421" customWidth="1"/>
    <col min="13314" max="13314" width="18.125" style="421" customWidth="1"/>
    <col min="13315" max="13315" width="3.75" style="421" customWidth="1"/>
    <col min="13316" max="13568" width="9" style="421"/>
    <col min="13569" max="13569" width="9" style="421" customWidth="1"/>
    <col min="13570" max="13570" width="18.125" style="421" customWidth="1"/>
    <col min="13571" max="13571" width="3.75" style="421" customWidth="1"/>
    <col min="13572" max="13824" width="9" style="421"/>
    <col min="13825" max="13825" width="9" style="421" customWidth="1"/>
    <col min="13826" max="13826" width="18.125" style="421" customWidth="1"/>
    <col min="13827" max="13827" width="3.75" style="421" customWidth="1"/>
    <col min="13828" max="14080" width="9" style="421"/>
    <col min="14081" max="14081" width="9" style="421" customWidth="1"/>
    <col min="14082" max="14082" width="18.125" style="421" customWidth="1"/>
    <col min="14083" max="14083" width="3.75" style="421" customWidth="1"/>
    <col min="14084" max="14336" width="9" style="421"/>
    <col min="14337" max="14337" width="9" style="421" customWidth="1"/>
    <col min="14338" max="14338" width="18.125" style="421" customWidth="1"/>
    <col min="14339" max="14339" width="3.75" style="421" customWidth="1"/>
    <col min="14340" max="14592" width="9" style="421"/>
    <col min="14593" max="14593" width="9" style="421" customWidth="1"/>
    <col min="14594" max="14594" width="18.125" style="421" customWidth="1"/>
    <col min="14595" max="14595" width="3.75" style="421" customWidth="1"/>
    <col min="14596" max="14848" width="9" style="421"/>
    <col min="14849" max="14849" width="9" style="421" customWidth="1"/>
    <col min="14850" max="14850" width="18.125" style="421" customWidth="1"/>
    <col min="14851" max="14851" width="3.75" style="421" customWidth="1"/>
    <col min="14852" max="15104" width="9" style="421"/>
    <col min="15105" max="15105" width="9" style="421" customWidth="1"/>
    <col min="15106" max="15106" width="18.125" style="421" customWidth="1"/>
    <col min="15107" max="15107" width="3.75" style="421" customWidth="1"/>
    <col min="15108" max="15360" width="9" style="421"/>
    <col min="15361" max="15361" width="9" style="421" customWidth="1"/>
    <col min="15362" max="15362" width="18.125" style="421" customWidth="1"/>
    <col min="15363" max="15363" width="3.75" style="421" customWidth="1"/>
    <col min="15364" max="15616" width="9" style="421"/>
    <col min="15617" max="15617" width="9" style="421" customWidth="1"/>
    <col min="15618" max="15618" width="18.125" style="421" customWidth="1"/>
    <col min="15619" max="15619" width="3.75" style="421" customWidth="1"/>
    <col min="15620" max="15872" width="9" style="421"/>
    <col min="15873" max="15873" width="9" style="421" customWidth="1"/>
    <col min="15874" max="15874" width="18.125" style="421" customWidth="1"/>
    <col min="15875" max="15875" width="3.75" style="421" customWidth="1"/>
    <col min="15876" max="16128" width="9" style="421"/>
    <col min="16129" max="16129" width="9" style="421" customWidth="1"/>
    <col min="16130" max="16130" width="18.125" style="421" customWidth="1"/>
    <col min="16131" max="16131" width="3.75" style="421" customWidth="1"/>
    <col min="16132" max="16384" width="9" style="421"/>
  </cols>
  <sheetData>
    <row r="1" spans="1:17" ht="26.25" customHeight="1" x14ac:dyDescent="0.15">
      <c r="A1" s="550"/>
      <c r="B1" s="765" t="s">
        <v>341</v>
      </c>
      <c r="C1" s="765"/>
      <c r="D1" s="765"/>
      <c r="E1" s="765"/>
      <c r="F1" s="765"/>
      <c r="G1" s="765"/>
      <c r="H1" s="765"/>
      <c r="I1" s="765"/>
      <c r="J1" s="765"/>
      <c r="K1" s="765"/>
      <c r="L1" s="765"/>
      <c r="M1" s="765"/>
      <c r="N1" s="765"/>
      <c r="O1" s="765"/>
      <c r="P1" s="765"/>
      <c r="Q1" s="765"/>
    </row>
    <row r="2" spans="1:17" ht="11.25" customHeight="1" thickBot="1" x14ac:dyDescent="0.2"/>
    <row r="3" spans="1:17" s="420" customFormat="1" ht="16.5" customHeight="1" thickBot="1" x14ac:dyDescent="0.2">
      <c r="A3" s="766" t="s">
        <v>342</v>
      </c>
      <c r="B3" s="552" t="s">
        <v>178</v>
      </c>
      <c r="C3" s="553" t="s">
        <v>179</v>
      </c>
      <c r="D3" s="554" t="s">
        <v>180</v>
      </c>
      <c r="E3" s="554" t="s">
        <v>181</v>
      </c>
      <c r="F3" s="554" t="s">
        <v>182</v>
      </c>
      <c r="G3" s="554" t="s">
        <v>183</v>
      </c>
      <c r="H3" s="555" t="s">
        <v>184</v>
      </c>
      <c r="J3" s="766" t="s">
        <v>343</v>
      </c>
      <c r="K3" s="556" t="s">
        <v>178</v>
      </c>
      <c r="L3" s="557" t="s">
        <v>179</v>
      </c>
      <c r="M3" s="557" t="s">
        <v>180</v>
      </c>
      <c r="N3" s="557" t="s">
        <v>181</v>
      </c>
      <c r="O3" s="557" t="s">
        <v>182</v>
      </c>
      <c r="P3" s="553" t="s">
        <v>183</v>
      </c>
      <c r="Q3" s="555" t="s">
        <v>184</v>
      </c>
    </row>
    <row r="4" spans="1:17" ht="18.75" customHeight="1" thickTop="1" x14ac:dyDescent="0.15">
      <c r="A4" s="767"/>
      <c r="B4" s="558" t="s">
        <v>344</v>
      </c>
      <c r="C4" s="559" t="s">
        <v>345</v>
      </c>
      <c r="D4" s="560">
        <v>0.30902777777777779</v>
      </c>
      <c r="E4" s="560" t="s">
        <v>54</v>
      </c>
      <c r="F4" s="560" t="s">
        <v>54</v>
      </c>
      <c r="G4" s="560" t="s">
        <v>54</v>
      </c>
      <c r="H4" s="561" t="s">
        <v>54</v>
      </c>
      <c r="J4" s="767"/>
      <c r="K4" s="562" t="s">
        <v>346</v>
      </c>
      <c r="L4" s="563" t="s">
        <v>347</v>
      </c>
      <c r="M4" s="564">
        <v>0.4375</v>
      </c>
      <c r="N4" s="565">
        <v>0.60416666666666663</v>
      </c>
      <c r="O4" s="566" t="s">
        <v>348</v>
      </c>
      <c r="P4" s="559" t="s">
        <v>349</v>
      </c>
      <c r="Q4" s="561" t="s">
        <v>350</v>
      </c>
    </row>
    <row r="5" spans="1:17" ht="18.75" hidden="1" customHeight="1" x14ac:dyDescent="0.15">
      <c r="A5" s="767"/>
      <c r="B5" s="567"/>
      <c r="C5" s="568"/>
      <c r="D5" s="569"/>
      <c r="E5" s="569"/>
      <c r="F5" s="569"/>
      <c r="G5" s="569"/>
      <c r="H5" s="570"/>
      <c r="J5" s="767"/>
      <c r="K5" s="571"/>
      <c r="L5" s="572">
        <v>0</v>
      </c>
      <c r="M5" s="573">
        <v>0</v>
      </c>
      <c r="N5" s="574">
        <v>0</v>
      </c>
      <c r="O5" s="575">
        <v>0</v>
      </c>
      <c r="P5" s="568">
        <v>0</v>
      </c>
      <c r="Q5" s="570">
        <v>0</v>
      </c>
    </row>
    <row r="6" spans="1:17" ht="18.75" customHeight="1" x14ac:dyDescent="0.15">
      <c r="A6" s="767"/>
      <c r="B6" s="576" t="s">
        <v>264</v>
      </c>
      <c r="C6" s="577">
        <v>0.29236111111111113</v>
      </c>
      <c r="D6" s="578">
        <v>0.30972222222222223</v>
      </c>
      <c r="E6" s="578" t="s">
        <v>54</v>
      </c>
      <c r="F6" s="578" t="s">
        <v>54</v>
      </c>
      <c r="G6" s="578" t="s">
        <v>54</v>
      </c>
      <c r="H6" s="579" t="s">
        <v>54</v>
      </c>
      <c r="J6" s="767"/>
      <c r="K6" s="576" t="s">
        <v>351</v>
      </c>
      <c r="L6" s="572">
        <v>0.34166666666666662</v>
      </c>
      <c r="M6" s="573">
        <v>0.43888888888888888</v>
      </c>
      <c r="N6" s="574">
        <v>0.60555555555555551</v>
      </c>
      <c r="O6" s="575">
        <v>0.67500000000000004</v>
      </c>
      <c r="P6" s="568">
        <v>0.72708333333333341</v>
      </c>
      <c r="Q6" s="570">
        <v>0.77916666666666667</v>
      </c>
    </row>
    <row r="7" spans="1:17" ht="18.75" hidden="1" customHeight="1" x14ac:dyDescent="0.15">
      <c r="A7" s="767"/>
      <c r="B7" s="576"/>
      <c r="C7" s="568"/>
      <c r="D7" s="578"/>
      <c r="E7" s="578"/>
      <c r="F7" s="578"/>
      <c r="G7" s="578"/>
      <c r="H7" s="579"/>
      <c r="J7" s="767"/>
      <c r="K7" s="580"/>
      <c r="L7" s="581">
        <v>0</v>
      </c>
      <c r="M7" s="582">
        <v>0</v>
      </c>
      <c r="N7" s="583">
        <v>0</v>
      </c>
      <c r="O7" s="584">
        <v>0</v>
      </c>
      <c r="P7" s="585">
        <v>0</v>
      </c>
      <c r="Q7" s="586">
        <v>0</v>
      </c>
    </row>
    <row r="8" spans="1:17" ht="18.75" customHeight="1" x14ac:dyDescent="0.15">
      <c r="A8" s="767"/>
      <c r="B8" s="576" t="s">
        <v>251</v>
      </c>
      <c r="C8" s="568">
        <v>0.29305555555555557</v>
      </c>
      <c r="D8" s="578">
        <v>0.31041666666666667</v>
      </c>
      <c r="E8" s="578" t="s">
        <v>54</v>
      </c>
      <c r="F8" s="578" t="s">
        <v>54</v>
      </c>
      <c r="G8" s="578" t="s">
        <v>54</v>
      </c>
      <c r="H8" s="579" t="s">
        <v>54</v>
      </c>
      <c r="J8" s="768"/>
      <c r="K8" s="706" t="s">
        <v>896</v>
      </c>
      <c r="L8" s="588" t="s">
        <v>19</v>
      </c>
      <c r="M8" s="588">
        <v>0.4435763888888889</v>
      </c>
      <c r="N8" s="588">
        <v>0.61024305555555547</v>
      </c>
      <c r="O8" s="588" t="s">
        <v>19</v>
      </c>
      <c r="P8" s="589" t="s">
        <v>19</v>
      </c>
      <c r="Q8" s="705" t="s">
        <v>19</v>
      </c>
    </row>
    <row r="9" spans="1:17" ht="18.75" hidden="1" customHeight="1" x14ac:dyDescent="0.15">
      <c r="A9" s="767"/>
      <c r="B9" s="576"/>
      <c r="C9" s="568"/>
      <c r="D9" s="578"/>
      <c r="E9" s="578"/>
      <c r="F9" s="578"/>
      <c r="G9" s="578"/>
      <c r="H9" s="579"/>
      <c r="J9" s="768"/>
      <c r="K9" s="590"/>
      <c r="L9" s="588">
        <v>0</v>
      </c>
      <c r="M9" s="588">
        <v>0</v>
      </c>
      <c r="N9" s="588">
        <v>0</v>
      </c>
      <c r="O9" s="588">
        <v>0</v>
      </c>
      <c r="P9" s="589">
        <v>0</v>
      </c>
      <c r="Q9" s="705">
        <v>0</v>
      </c>
    </row>
    <row r="10" spans="1:17" x14ac:dyDescent="0.15">
      <c r="A10" s="767"/>
      <c r="B10" s="576" t="s">
        <v>352</v>
      </c>
      <c r="C10" s="568">
        <v>0.29375000000000001</v>
      </c>
      <c r="D10" s="578">
        <v>0.31111111111111112</v>
      </c>
      <c r="E10" s="578" t="s">
        <v>54</v>
      </c>
      <c r="F10" s="578" t="s">
        <v>54</v>
      </c>
      <c r="G10" s="578" t="s">
        <v>54</v>
      </c>
      <c r="H10" s="579" t="s">
        <v>54</v>
      </c>
      <c r="J10" s="768"/>
      <c r="K10" s="587" t="s">
        <v>897</v>
      </c>
      <c r="L10" s="588" t="s">
        <v>19</v>
      </c>
      <c r="M10" s="588">
        <v>0.44609953703703703</v>
      </c>
      <c r="N10" s="588">
        <v>0.6127662037037036</v>
      </c>
      <c r="O10" s="588" t="s">
        <v>19</v>
      </c>
      <c r="P10" s="589" t="s">
        <v>19</v>
      </c>
      <c r="Q10" s="705" t="s">
        <v>19</v>
      </c>
    </row>
    <row r="11" spans="1:17" hidden="1" x14ac:dyDescent="0.15">
      <c r="A11" s="767"/>
      <c r="B11" s="576"/>
      <c r="C11" s="577"/>
      <c r="D11" s="578"/>
      <c r="E11" s="578"/>
      <c r="F11" s="578"/>
      <c r="G11" s="578"/>
      <c r="H11" s="579"/>
      <c r="J11" s="767"/>
      <c r="K11" s="571"/>
      <c r="L11" s="572">
        <v>0</v>
      </c>
      <c r="M11" s="573">
        <v>0</v>
      </c>
      <c r="N11" s="574">
        <v>0</v>
      </c>
      <c r="O11" s="575">
        <v>0</v>
      </c>
      <c r="P11" s="568">
        <v>0</v>
      </c>
      <c r="Q11" s="570">
        <v>0</v>
      </c>
    </row>
    <row r="12" spans="1:17" x14ac:dyDescent="0.15">
      <c r="A12" s="767"/>
      <c r="B12" s="576" t="s">
        <v>247</v>
      </c>
      <c r="C12" s="568">
        <v>0.29375000000000001</v>
      </c>
      <c r="D12" s="578">
        <v>0.31111111111111112</v>
      </c>
      <c r="E12" s="578" t="s">
        <v>54</v>
      </c>
      <c r="F12" s="578" t="s">
        <v>54</v>
      </c>
      <c r="G12" s="578" t="s">
        <v>54</v>
      </c>
      <c r="H12" s="579" t="s">
        <v>54</v>
      </c>
      <c r="J12" s="767"/>
      <c r="K12" s="591" t="s">
        <v>353</v>
      </c>
      <c r="L12" s="592">
        <v>0.34513888888888888</v>
      </c>
      <c r="M12" s="593">
        <v>0.44871527777777775</v>
      </c>
      <c r="N12" s="594">
        <v>0.61538194444444438</v>
      </c>
      <c r="O12" s="595" t="s">
        <v>354</v>
      </c>
      <c r="P12" s="577" t="s">
        <v>355</v>
      </c>
      <c r="Q12" s="579" t="s">
        <v>356</v>
      </c>
    </row>
    <row r="13" spans="1:17" hidden="1" x14ac:dyDescent="0.15">
      <c r="A13" s="767"/>
      <c r="B13" s="576"/>
      <c r="C13" s="577"/>
      <c r="D13" s="578"/>
      <c r="E13" s="578"/>
      <c r="F13" s="578"/>
      <c r="G13" s="578"/>
      <c r="H13" s="579"/>
      <c r="J13" s="767"/>
      <c r="K13" s="591"/>
      <c r="L13" s="592">
        <v>0</v>
      </c>
      <c r="M13" s="593">
        <v>0</v>
      </c>
      <c r="N13" s="594">
        <v>0</v>
      </c>
      <c r="O13" s="595">
        <v>0</v>
      </c>
      <c r="P13" s="577">
        <v>0</v>
      </c>
      <c r="Q13" s="579">
        <v>0</v>
      </c>
    </row>
    <row r="14" spans="1:17" x14ac:dyDescent="0.15">
      <c r="A14" s="767"/>
      <c r="B14" s="576" t="s">
        <v>357</v>
      </c>
      <c r="C14" s="568">
        <v>0.29444444444444445</v>
      </c>
      <c r="D14" s="578">
        <v>0.31180555555555556</v>
      </c>
      <c r="E14" s="578" t="s">
        <v>54</v>
      </c>
      <c r="F14" s="578" t="s">
        <v>54</v>
      </c>
      <c r="G14" s="578" t="s">
        <v>54</v>
      </c>
      <c r="H14" s="579" t="s">
        <v>54</v>
      </c>
      <c r="J14" s="767"/>
      <c r="K14" s="591" t="s">
        <v>358</v>
      </c>
      <c r="L14" s="592">
        <v>0.34861111111111115</v>
      </c>
      <c r="M14" s="593">
        <v>0.45218750000000002</v>
      </c>
      <c r="N14" s="594">
        <v>0.61885416666666671</v>
      </c>
      <c r="O14" s="595">
        <v>0.68194444444444446</v>
      </c>
      <c r="P14" s="577">
        <v>0.73402777777777795</v>
      </c>
      <c r="Q14" s="579">
        <v>0.7861111111111112</v>
      </c>
    </row>
    <row r="15" spans="1:17" hidden="1" x14ac:dyDescent="0.15">
      <c r="A15" s="767"/>
      <c r="B15" s="576"/>
      <c r="C15" s="577"/>
      <c r="D15" s="578"/>
      <c r="E15" s="578"/>
      <c r="F15" s="578"/>
      <c r="G15" s="578"/>
      <c r="H15" s="579"/>
      <c r="J15" s="767"/>
      <c r="K15" s="591"/>
      <c r="L15" s="592">
        <v>0</v>
      </c>
      <c r="M15" s="593">
        <v>0</v>
      </c>
      <c r="N15" s="594">
        <v>0</v>
      </c>
      <c r="O15" s="595">
        <v>0</v>
      </c>
      <c r="P15" s="577">
        <v>0</v>
      </c>
      <c r="Q15" s="579">
        <v>0</v>
      </c>
    </row>
    <row r="16" spans="1:17" x14ac:dyDescent="0.15">
      <c r="A16" s="767"/>
      <c r="B16" s="576" t="s">
        <v>241</v>
      </c>
      <c r="C16" s="568">
        <v>0.29444444444444445</v>
      </c>
      <c r="D16" s="578">
        <v>0.31180555555555556</v>
      </c>
      <c r="E16" s="578" t="s">
        <v>54</v>
      </c>
      <c r="F16" s="578" t="s">
        <v>54</v>
      </c>
      <c r="G16" s="578" t="s">
        <v>54</v>
      </c>
      <c r="H16" s="579" t="s">
        <v>54</v>
      </c>
      <c r="J16" s="767"/>
      <c r="K16" s="591" t="s">
        <v>359</v>
      </c>
      <c r="L16" s="592">
        <v>0.34861111111111115</v>
      </c>
      <c r="M16" s="593">
        <v>0.45218750000000002</v>
      </c>
      <c r="N16" s="594">
        <v>0.61885416666666671</v>
      </c>
      <c r="O16" s="595">
        <v>0.68194444444444446</v>
      </c>
      <c r="P16" s="577">
        <v>0.73402777777777795</v>
      </c>
      <c r="Q16" s="579">
        <v>0.7861111111111112</v>
      </c>
    </row>
    <row r="17" spans="1:17" ht="19.5" hidden="1" customHeight="1" x14ac:dyDescent="0.15">
      <c r="A17" s="767"/>
      <c r="B17" s="576"/>
      <c r="C17" s="577"/>
      <c r="D17" s="578"/>
      <c r="E17" s="578"/>
      <c r="F17" s="578"/>
      <c r="G17" s="578"/>
      <c r="H17" s="579"/>
      <c r="J17" s="767"/>
      <c r="K17" s="591"/>
      <c r="L17" s="592">
        <v>0</v>
      </c>
      <c r="M17" s="593">
        <v>0</v>
      </c>
      <c r="N17" s="594">
        <v>0</v>
      </c>
      <c r="O17" s="595">
        <v>0</v>
      </c>
      <c r="P17" s="577">
        <v>0</v>
      </c>
      <c r="Q17" s="579">
        <v>0</v>
      </c>
    </row>
    <row r="18" spans="1:17" x14ac:dyDescent="0.15">
      <c r="A18" s="767"/>
      <c r="B18" s="576" t="s">
        <v>360</v>
      </c>
      <c r="C18" s="568">
        <v>0.2951388888888889</v>
      </c>
      <c r="D18" s="578">
        <v>0.3125</v>
      </c>
      <c r="E18" s="578" t="s">
        <v>54</v>
      </c>
      <c r="F18" s="578" t="s">
        <v>54</v>
      </c>
      <c r="G18" s="578" t="s">
        <v>54</v>
      </c>
      <c r="H18" s="579" t="s">
        <v>54</v>
      </c>
      <c r="J18" s="767"/>
      <c r="K18" s="591" t="s">
        <v>361</v>
      </c>
      <c r="L18" s="592">
        <v>0.34861111111111115</v>
      </c>
      <c r="M18" s="593">
        <v>0.45218750000000002</v>
      </c>
      <c r="N18" s="594">
        <v>0.61885416666666671</v>
      </c>
      <c r="O18" s="595">
        <v>0.68194444444444446</v>
      </c>
      <c r="P18" s="577">
        <v>0.73402777777777795</v>
      </c>
      <c r="Q18" s="579">
        <v>0.7861111111111112</v>
      </c>
    </row>
    <row r="19" spans="1:17" hidden="1" x14ac:dyDescent="0.15">
      <c r="A19" s="767"/>
      <c r="B19" s="576"/>
      <c r="C19" s="577"/>
      <c r="D19" s="578"/>
      <c r="E19" s="578"/>
      <c r="F19" s="578"/>
      <c r="G19" s="578"/>
      <c r="H19" s="579"/>
      <c r="J19" s="767"/>
      <c r="K19" s="591"/>
      <c r="L19" s="592">
        <v>0</v>
      </c>
      <c r="M19" s="593">
        <v>0</v>
      </c>
      <c r="N19" s="594">
        <v>0</v>
      </c>
      <c r="O19" s="595">
        <v>0</v>
      </c>
      <c r="P19" s="577">
        <v>0</v>
      </c>
      <c r="Q19" s="579">
        <v>0</v>
      </c>
    </row>
    <row r="20" spans="1:17" x14ac:dyDescent="0.15">
      <c r="A20" s="767"/>
      <c r="B20" s="576" t="s">
        <v>238</v>
      </c>
      <c r="C20" s="568">
        <v>0.2951388888888889</v>
      </c>
      <c r="D20" s="578">
        <v>0.3125</v>
      </c>
      <c r="E20" s="578" t="s">
        <v>54</v>
      </c>
      <c r="F20" s="578" t="s">
        <v>54</v>
      </c>
      <c r="G20" s="578" t="s">
        <v>54</v>
      </c>
      <c r="H20" s="579" t="s">
        <v>54</v>
      </c>
      <c r="J20" s="767"/>
      <c r="K20" s="591" t="s">
        <v>362</v>
      </c>
      <c r="L20" s="592">
        <v>0.34930555555555554</v>
      </c>
      <c r="M20" s="593">
        <v>0.45288194444444441</v>
      </c>
      <c r="N20" s="594">
        <v>0.61954861111111104</v>
      </c>
      <c r="O20" s="595">
        <v>0.6826388888888888</v>
      </c>
      <c r="P20" s="577">
        <v>0.73472222222222228</v>
      </c>
      <c r="Q20" s="579">
        <v>0.78680555555555554</v>
      </c>
    </row>
    <row r="21" spans="1:17" hidden="1" x14ac:dyDescent="0.15">
      <c r="A21" s="767"/>
      <c r="B21" s="576"/>
      <c r="C21" s="577"/>
      <c r="D21" s="578"/>
      <c r="E21" s="578"/>
      <c r="F21" s="578"/>
      <c r="G21" s="578"/>
      <c r="H21" s="579"/>
      <c r="J21" s="767"/>
      <c r="K21" s="591"/>
      <c r="L21" s="592">
        <v>0</v>
      </c>
      <c r="M21" s="593">
        <v>0</v>
      </c>
      <c r="N21" s="594">
        <v>0</v>
      </c>
      <c r="O21" s="595">
        <v>0</v>
      </c>
      <c r="P21" s="577">
        <v>0</v>
      </c>
      <c r="Q21" s="579">
        <v>0</v>
      </c>
    </row>
    <row r="22" spans="1:17" x14ac:dyDescent="0.15">
      <c r="A22" s="767"/>
      <c r="B22" s="576" t="s">
        <v>236</v>
      </c>
      <c r="C22" s="568">
        <v>0.29583333333333334</v>
      </c>
      <c r="D22" s="578">
        <v>0.31319444444444444</v>
      </c>
      <c r="E22" s="578" t="s">
        <v>54</v>
      </c>
      <c r="F22" s="578" t="s">
        <v>54</v>
      </c>
      <c r="G22" s="578" t="s">
        <v>54</v>
      </c>
      <c r="H22" s="579" t="s">
        <v>54</v>
      </c>
      <c r="J22" s="767"/>
      <c r="K22" s="591" t="s">
        <v>363</v>
      </c>
      <c r="L22" s="592">
        <v>0.34930555555555554</v>
      </c>
      <c r="M22" s="593">
        <v>0.45288194444444441</v>
      </c>
      <c r="N22" s="594">
        <v>0.61954861111111104</v>
      </c>
      <c r="O22" s="595">
        <v>0.6826388888888888</v>
      </c>
      <c r="P22" s="577">
        <v>0.73472222222222228</v>
      </c>
      <c r="Q22" s="579">
        <v>0.78680555555555554</v>
      </c>
    </row>
    <row r="23" spans="1:17" hidden="1" x14ac:dyDescent="0.15">
      <c r="A23" s="767"/>
      <c r="B23" s="576"/>
      <c r="C23" s="577"/>
      <c r="D23" s="578"/>
      <c r="E23" s="578"/>
      <c r="F23" s="578"/>
      <c r="G23" s="578"/>
      <c r="H23" s="579"/>
      <c r="J23" s="767"/>
      <c r="K23" s="591"/>
      <c r="L23" s="592">
        <v>0</v>
      </c>
      <c r="M23" s="593">
        <v>0</v>
      </c>
      <c r="N23" s="594">
        <v>0</v>
      </c>
      <c r="O23" s="595">
        <v>0</v>
      </c>
      <c r="P23" s="577">
        <v>0</v>
      </c>
      <c r="Q23" s="579">
        <v>0</v>
      </c>
    </row>
    <row r="24" spans="1:17" x14ac:dyDescent="0.15">
      <c r="A24" s="767"/>
      <c r="B24" s="576" t="s">
        <v>364</v>
      </c>
      <c r="C24" s="568">
        <v>0.29583333333333334</v>
      </c>
      <c r="D24" s="578">
        <v>0.31319444444444444</v>
      </c>
      <c r="E24" s="578" t="s">
        <v>54</v>
      </c>
      <c r="F24" s="578" t="s">
        <v>54</v>
      </c>
      <c r="G24" s="578" t="s">
        <v>54</v>
      </c>
      <c r="H24" s="579" t="s">
        <v>54</v>
      </c>
      <c r="J24" s="767"/>
      <c r="K24" s="591" t="s">
        <v>365</v>
      </c>
      <c r="L24" s="592">
        <v>0.35000000000000003</v>
      </c>
      <c r="M24" s="593">
        <v>0.4535763888888889</v>
      </c>
      <c r="N24" s="594">
        <v>0.62024305555555559</v>
      </c>
      <c r="O24" s="595">
        <v>0.68333333333333335</v>
      </c>
      <c r="P24" s="577">
        <v>0.73541666666666683</v>
      </c>
      <c r="Q24" s="579">
        <v>0.78750000000000009</v>
      </c>
    </row>
    <row r="25" spans="1:17" hidden="1" x14ac:dyDescent="0.15">
      <c r="A25" s="767"/>
      <c r="B25" s="576"/>
      <c r="C25" s="577"/>
      <c r="D25" s="578"/>
      <c r="E25" s="578"/>
      <c r="F25" s="578"/>
      <c r="G25" s="578"/>
      <c r="H25" s="579"/>
      <c r="J25" s="767"/>
      <c r="K25" s="591"/>
      <c r="L25" s="592">
        <v>0</v>
      </c>
      <c r="M25" s="593">
        <v>0</v>
      </c>
      <c r="N25" s="594">
        <v>0</v>
      </c>
      <c r="O25" s="595">
        <v>0</v>
      </c>
      <c r="P25" s="577">
        <v>0</v>
      </c>
      <c r="Q25" s="579">
        <v>0</v>
      </c>
    </row>
    <row r="26" spans="1:17" x14ac:dyDescent="0.15">
      <c r="A26" s="767"/>
      <c r="B26" s="576" t="s">
        <v>366</v>
      </c>
      <c r="C26" s="568">
        <v>0.29652777777777778</v>
      </c>
      <c r="D26" s="578">
        <v>0.31388888888888888</v>
      </c>
      <c r="E26" s="578" t="s">
        <v>54</v>
      </c>
      <c r="F26" s="578" t="s">
        <v>54</v>
      </c>
      <c r="G26" s="578" t="s">
        <v>54</v>
      </c>
      <c r="H26" s="579" t="s">
        <v>54</v>
      </c>
      <c r="J26" s="767"/>
      <c r="K26" s="591" t="s">
        <v>293</v>
      </c>
      <c r="L26" s="592">
        <v>0.35000000000000003</v>
      </c>
      <c r="M26" s="593">
        <v>0.4535763888888889</v>
      </c>
      <c r="N26" s="594">
        <v>0.62024305555555559</v>
      </c>
      <c r="O26" s="595">
        <v>0.68333333333333335</v>
      </c>
      <c r="P26" s="577">
        <v>0.73541666666666683</v>
      </c>
      <c r="Q26" s="579">
        <v>0.78750000000000009</v>
      </c>
    </row>
    <row r="27" spans="1:17" hidden="1" x14ac:dyDescent="0.15">
      <c r="A27" s="767"/>
      <c r="B27" s="576"/>
      <c r="C27" s="577"/>
      <c r="D27" s="578"/>
      <c r="E27" s="578"/>
      <c r="F27" s="578"/>
      <c r="G27" s="578"/>
      <c r="H27" s="579"/>
      <c r="J27" s="767"/>
      <c r="K27" s="591"/>
      <c r="L27" s="592">
        <v>0</v>
      </c>
      <c r="M27" s="593">
        <v>0</v>
      </c>
      <c r="N27" s="594">
        <v>0</v>
      </c>
      <c r="O27" s="595">
        <v>0</v>
      </c>
      <c r="P27" s="577">
        <v>0</v>
      </c>
      <c r="Q27" s="579">
        <v>0</v>
      </c>
    </row>
    <row r="28" spans="1:17" x14ac:dyDescent="0.15">
      <c r="A28" s="767"/>
      <c r="B28" s="576" t="s">
        <v>233</v>
      </c>
      <c r="C28" s="568">
        <v>0.29652777777777778</v>
      </c>
      <c r="D28" s="578">
        <v>0.31388888888888888</v>
      </c>
      <c r="E28" s="578" t="s">
        <v>54</v>
      </c>
      <c r="F28" s="578" t="s">
        <v>54</v>
      </c>
      <c r="G28" s="578" t="s">
        <v>54</v>
      </c>
      <c r="H28" s="579" t="s">
        <v>54</v>
      </c>
      <c r="J28" s="767"/>
      <c r="K28" s="591" t="s">
        <v>367</v>
      </c>
      <c r="L28" s="592">
        <v>0.35138888888888892</v>
      </c>
      <c r="M28" s="593">
        <v>0.45496527777777779</v>
      </c>
      <c r="N28" s="594">
        <v>0.62163194444444447</v>
      </c>
      <c r="O28" s="595">
        <v>0.68472222222222223</v>
      </c>
      <c r="P28" s="577">
        <v>0.73680555555555571</v>
      </c>
      <c r="Q28" s="579">
        <v>0.78888888888888897</v>
      </c>
    </row>
    <row r="29" spans="1:17" hidden="1" x14ac:dyDescent="0.15">
      <c r="A29" s="767"/>
      <c r="B29" s="576"/>
      <c r="C29" s="577"/>
      <c r="D29" s="578"/>
      <c r="E29" s="578"/>
      <c r="F29" s="578"/>
      <c r="G29" s="578"/>
      <c r="H29" s="579"/>
      <c r="J29" s="767"/>
      <c r="K29" s="591"/>
      <c r="L29" s="592">
        <v>0</v>
      </c>
      <c r="M29" s="593">
        <v>0</v>
      </c>
      <c r="N29" s="594">
        <v>0</v>
      </c>
      <c r="O29" s="595">
        <v>0</v>
      </c>
      <c r="P29" s="577">
        <v>0</v>
      </c>
      <c r="Q29" s="579">
        <v>0</v>
      </c>
    </row>
    <row r="30" spans="1:17" x14ac:dyDescent="0.15">
      <c r="A30" s="767"/>
      <c r="B30" s="576" t="s">
        <v>283</v>
      </c>
      <c r="C30" s="568">
        <v>0.29722222222222222</v>
      </c>
      <c r="D30" s="578">
        <v>0.31458333333333333</v>
      </c>
      <c r="E30" s="578" t="s">
        <v>54</v>
      </c>
      <c r="F30" s="578" t="s">
        <v>54</v>
      </c>
      <c r="G30" s="578" t="s">
        <v>54</v>
      </c>
      <c r="H30" s="579" t="s">
        <v>54</v>
      </c>
      <c r="J30" s="767"/>
      <c r="K30" s="591" t="s">
        <v>368</v>
      </c>
      <c r="L30" s="592">
        <v>0.3520833333333333</v>
      </c>
      <c r="M30" s="593">
        <v>0.45565972222222217</v>
      </c>
      <c r="N30" s="594">
        <v>0.6223263888888888</v>
      </c>
      <c r="O30" s="595">
        <v>0.68541666666666656</v>
      </c>
      <c r="P30" s="577">
        <v>0.73750000000000004</v>
      </c>
      <c r="Q30" s="579">
        <v>0.7895833333333333</v>
      </c>
    </row>
    <row r="31" spans="1:17" hidden="1" x14ac:dyDescent="0.15">
      <c r="A31" s="767"/>
      <c r="B31" s="576"/>
      <c r="C31" s="577"/>
      <c r="D31" s="578"/>
      <c r="E31" s="578"/>
      <c r="F31" s="578"/>
      <c r="G31" s="578"/>
      <c r="H31" s="579"/>
      <c r="J31" s="767"/>
      <c r="K31" s="591"/>
      <c r="L31" s="592">
        <v>0</v>
      </c>
      <c r="M31" s="593">
        <v>0</v>
      </c>
      <c r="N31" s="594">
        <v>0</v>
      </c>
      <c r="O31" s="595">
        <v>0</v>
      </c>
      <c r="P31" s="577">
        <v>0</v>
      </c>
      <c r="Q31" s="579">
        <v>0</v>
      </c>
    </row>
    <row r="32" spans="1:17" x14ac:dyDescent="0.15">
      <c r="A32" s="767"/>
      <c r="B32" s="576" t="s">
        <v>369</v>
      </c>
      <c r="C32" s="568">
        <v>0.29791666666666666</v>
      </c>
      <c r="D32" s="578">
        <v>0.31527777777777777</v>
      </c>
      <c r="E32" s="578" t="s">
        <v>54</v>
      </c>
      <c r="F32" s="578" t="s">
        <v>54</v>
      </c>
      <c r="G32" s="578" t="s">
        <v>54</v>
      </c>
      <c r="H32" s="579" t="s">
        <v>54</v>
      </c>
      <c r="J32" s="767"/>
      <c r="K32" s="591" t="s">
        <v>370</v>
      </c>
      <c r="L32" s="592">
        <v>0.3527777777777778</v>
      </c>
      <c r="M32" s="593">
        <v>0.45635416666666667</v>
      </c>
      <c r="N32" s="594">
        <v>0.62302083333333336</v>
      </c>
      <c r="O32" s="595">
        <v>0.68611111111111112</v>
      </c>
      <c r="P32" s="577">
        <v>0.7381944444444446</v>
      </c>
      <c r="Q32" s="579">
        <v>0.79027777777777786</v>
      </c>
    </row>
    <row r="33" spans="1:17" hidden="1" x14ac:dyDescent="0.15">
      <c r="A33" s="767"/>
      <c r="B33" s="576"/>
      <c r="C33" s="577"/>
      <c r="D33" s="578"/>
      <c r="E33" s="578"/>
      <c r="F33" s="578"/>
      <c r="G33" s="578"/>
      <c r="H33" s="579"/>
      <c r="J33" s="767"/>
      <c r="K33" s="591"/>
      <c r="L33" s="592">
        <v>0</v>
      </c>
      <c r="M33" s="593">
        <v>0</v>
      </c>
      <c r="N33" s="594">
        <v>0</v>
      </c>
      <c r="O33" s="595">
        <v>0</v>
      </c>
      <c r="P33" s="577">
        <v>0</v>
      </c>
      <c r="Q33" s="579">
        <v>0</v>
      </c>
    </row>
    <row r="34" spans="1:17" x14ac:dyDescent="0.15">
      <c r="A34" s="767"/>
      <c r="B34" s="576" t="s">
        <v>371</v>
      </c>
      <c r="C34" s="568">
        <v>0.2986111111111111</v>
      </c>
      <c r="D34" s="578">
        <v>0.31597222222222221</v>
      </c>
      <c r="E34" s="578" t="s">
        <v>54</v>
      </c>
      <c r="F34" s="578" t="s">
        <v>54</v>
      </c>
      <c r="G34" s="578" t="s">
        <v>54</v>
      </c>
      <c r="H34" s="579" t="s">
        <v>54</v>
      </c>
      <c r="J34" s="767"/>
      <c r="K34" s="591" t="s">
        <v>372</v>
      </c>
      <c r="L34" s="592">
        <v>0.35347222222222219</v>
      </c>
      <c r="M34" s="593">
        <v>0.45704861111111106</v>
      </c>
      <c r="N34" s="594">
        <v>0.62371527777777769</v>
      </c>
      <c r="O34" s="595">
        <v>0.68680555555555545</v>
      </c>
      <c r="P34" s="577">
        <v>0.73888888888888893</v>
      </c>
      <c r="Q34" s="579">
        <v>0.79097222222222219</v>
      </c>
    </row>
    <row r="35" spans="1:17" hidden="1" x14ac:dyDescent="0.15">
      <c r="A35" s="767"/>
      <c r="B35" s="576"/>
      <c r="C35" s="577"/>
      <c r="D35" s="578"/>
      <c r="E35" s="578"/>
      <c r="F35" s="578"/>
      <c r="G35" s="578"/>
      <c r="H35" s="579"/>
      <c r="J35" s="767"/>
      <c r="K35" s="591"/>
      <c r="L35" s="592">
        <v>0</v>
      </c>
      <c r="M35" s="593">
        <v>0</v>
      </c>
      <c r="N35" s="594">
        <v>0</v>
      </c>
      <c r="O35" s="595">
        <v>0</v>
      </c>
      <c r="P35" s="577">
        <v>0</v>
      </c>
      <c r="Q35" s="579">
        <v>0</v>
      </c>
    </row>
    <row r="36" spans="1:17" x14ac:dyDescent="0.15">
      <c r="A36" s="767"/>
      <c r="B36" s="576" t="s">
        <v>219</v>
      </c>
      <c r="C36" s="568">
        <v>0.29930555555555555</v>
      </c>
      <c r="D36" s="578">
        <v>0.31666666666666665</v>
      </c>
      <c r="E36" s="578" t="s">
        <v>54</v>
      </c>
      <c r="F36" s="578" t="s">
        <v>54</v>
      </c>
      <c r="G36" s="578" t="s">
        <v>54</v>
      </c>
      <c r="H36" s="579" t="s">
        <v>54</v>
      </c>
      <c r="J36" s="767"/>
      <c r="K36" s="591" t="s">
        <v>364</v>
      </c>
      <c r="L36" s="592">
        <v>0.35416666666666669</v>
      </c>
      <c r="M36" s="596">
        <v>0.45774305555555556</v>
      </c>
      <c r="N36" s="597">
        <v>0.62440972222222224</v>
      </c>
      <c r="O36" s="595">
        <v>0.6875</v>
      </c>
      <c r="P36" s="577">
        <v>0.73958333333333348</v>
      </c>
      <c r="Q36" s="579">
        <v>0.79166666666666674</v>
      </c>
    </row>
    <row r="37" spans="1:17" hidden="1" x14ac:dyDescent="0.15">
      <c r="A37" s="767"/>
      <c r="B37" s="576"/>
      <c r="C37" s="577"/>
      <c r="D37" s="578"/>
      <c r="E37" s="578"/>
      <c r="F37" s="578"/>
      <c r="G37" s="578"/>
      <c r="H37" s="579"/>
      <c r="J37" s="767"/>
      <c r="K37" s="591"/>
      <c r="L37" s="598">
        <v>0</v>
      </c>
      <c r="M37" s="599">
        <v>0</v>
      </c>
      <c r="N37" s="599">
        <v>0</v>
      </c>
      <c r="O37" s="598">
        <v>0</v>
      </c>
      <c r="P37" s="577">
        <v>0</v>
      </c>
      <c r="Q37" s="579">
        <v>0</v>
      </c>
    </row>
    <row r="38" spans="1:17" x14ac:dyDescent="0.15">
      <c r="A38" s="767"/>
      <c r="B38" s="576" t="s">
        <v>221</v>
      </c>
      <c r="C38" s="568">
        <v>0.30069444444444443</v>
      </c>
      <c r="D38" s="578">
        <v>0.31805555555555554</v>
      </c>
      <c r="E38" s="578" t="s">
        <v>54</v>
      </c>
      <c r="F38" s="578" t="s">
        <v>54</v>
      </c>
      <c r="G38" s="578" t="s">
        <v>54</v>
      </c>
      <c r="H38" s="579" t="s">
        <v>54</v>
      </c>
      <c r="J38" s="767"/>
      <c r="K38" s="591" t="s">
        <v>366</v>
      </c>
      <c r="L38" s="600">
        <v>0.35486111111111113</v>
      </c>
      <c r="M38" s="598" t="s">
        <v>54</v>
      </c>
      <c r="N38" s="598" t="s">
        <v>54</v>
      </c>
      <c r="O38" s="598" t="s">
        <v>54</v>
      </c>
      <c r="P38" s="577" t="s">
        <v>54</v>
      </c>
      <c r="Q38" s="579">
        <v>0.79236111111111118</v>
      </c>
    </row>
    <row r="39" spans="1:17" hidden="1" x14ac:dyDescent="0.15">
      <c r="A39" s="767"/>
      <c r="B39" s="576"/>
      <c r="C39" s="577"/>
      <c r="D39" s="578"/>
      <c r="E39" s="578"/>
      <c r="F39" s="578"/>
      <c r="G39" s="578"/>
      <c r="H39" s="579"/>
      <c r="J39" s="767"/>
      <c r="K39" s="591"/>
      <c r="L39" s="600">
        <v>0</v>
      </c>
      <c r="M39" s="598">
        <v>0</v>
      </c>
      <c r="N39" s="598">
        <v>0</v>
      </c>
      <c r="O39" s="598">
        <v>0</v>
      </c>
      <c r="P39" s="577">
        <v>0</v>
      </c>
      <c r="Q39" s="579">
        <v>0</v>
      </c>
    </row>
    <row r="40" spans="1:17" x14ac:dyDescent="0.15">
      <c r="A40" s="767"/>
      <c r="B40" s="576" t="s">
        <v>373</v>
      </c>
      <c r="C40" s="568">
        <v>0.30138888888888887</v>
      </c>
      <c r="D40" s="578">
        <v>0.31874999999999998</v>
      </c>
      <c r="E40" s="578" t="s">
        <v>54</v>
      </c>
      <c r="F40" s="578" t="s">
        <v>54</v>
      </c>
      <c r="G40" s="578" t="s">
        <v>54</v>
      </c>
      <c r="H40" s="579" t="s">
        <v>54</v>
      </c>
      <c r="J40" s="767"/>
      <c r="K40" s="591" t="s">
        <v>233</v>
      </c>
      <c r="L40" s="600">
        <v>0.35486111111111113</v>
      </c>
      <c r="M40" s="598" t="s">
        <v>54</v>
      </c>
      <c r="N40" s="598" t="s">
        <v>54</v>
      </c>
      <c r="O40" s="598" t="s">
        <v>54</v>
      </c>
      <c r="P40" s="577" t="s">
        <v>54</v>
      </c>
      <c r="Q40" s="579">
        <v>0.79236111111111118</v>
      </c>
    </row>
    <row r="41" spans="1:17" hidden="1" x14ac:dyDescent="0.15">
      <c r="A41" s="767"/>
      <c r="B41" s="576"/>
      <c r="C41" s="577"/>
      <c r="D41" s="578"/>
      <c r="E41" s="578"/>
      <c r="F41" s="578"/>
      <c r="G41" s="578"/>
      <c r="H41" s="579"/>
      <c r="J41" s="767"/>
      <c r="K41" s="591"/>
      <c r="L41" s="600">
        <v>0</v>
      </c>
      <c r="M41" s="598">
        <v>0</v>
      </c>
      <c r="N41" s="598">
        <v>0</v>
      </c>
      <c r="O41" s="598">
        <v>0</v>
      </c>
      <c r="P41" s="577">
        <v>0</v>
      </c>
      <c r="Q41" s="579">
        <v>0</v>
      </c>
    </row>
    <row r="42" spans="1:17" x14ac:dyDescent="0.15">
      <c r="A42" s="767"/>
      <c r="B42" s="576" t="s">
        <v>374</v>
      </c>
      <c r="C42" s="568">
        <v>0.30208333333333331</v>
      </c>
      <c r="D42" s="578">
        <v>0.31944444444444442</v>
      </c>
      <c r="E42" s="578" t="s">
        <v>54</v>
      </c>
      <c r="F42" s="578" t="s">
        <v>54</v>
      </c>
      <c r="G42" s="578" t="s">
        <v>54</v>
      </c>
      <c r="H42" s="579" t="s">
        <v>54</v>
      </c>
      <c r="J42" s="767"/>
      <c r="K42" s="591" t="s">
        <v>283</v>
      </c>
      <c r="L42" s="600">
        <v>0.35555555555555557</v>
      </c>
      <c r="M42" s="598" t="s">
        <v>54</v>
      </c>
      <c r="N42" s="598" t="s">
        <v>54</v>
      </c>
      <c r="O42" s="598" t="s">
        <v>54</v>
      </c>
      <c r="P42" s="577" t="s">
        <v>54</v>
      </c>
      <c r="Q42" s="579">
        <v>0.79305555555555562</v>
      </c>
    </row>
    <row r="43" spans="1:17" hidden="1" x14ac:dyDescent="0.15">
      <c r="A43" s="767"/>
      <c r="B43" s="576"/>
      <c r="C43" s="577"/>
      <c r="D43" s="578"/>
      <c r="E43" s="578"/>
      <c r="F43" s="578"/>
      <c r="G43" s="578"/>
      <c r="H43" s="579"/>
      <c r="J43" s="767"/>
      <c r="K43" s="591"/>
      <c r="L43" s="600">
        <v>0</v>
      </c>
      <c r="M43" s="598">
        <v>0</v>
      </c>
      <c r="N43" s="598">
        <v>0</v>
      </c>
      <c r="O43" s="598">
        <v>0</v>
      </c>
      <c r="P43" s="577">
        <v>0</v>
      </c>
      <c r="Q43" s="579">
        <v>0</v>
      </c>
    </row>
    <row r="44" spans="1:17" x14ac:dyDescent="0.15">
      <c r="A44" s="767"/>
      <c r="B44" s="576" t="s">
        <v>227</v>
      </c>
      <c r="C44" s="568">
        <v>0.30277777777777776</v>
      </c>
      <c r="D44" s="578">
        <v>0.32013888888888886</v>
      </c>
      <c r="E44" s="578" t="s">
        <v>54</v>
      </c>
      <c r="F44" s="578" t="s">
        <v>54</v>
      </c>
      <c r="G44" s="578" t="s">
        <v>54</v>
      </c>
      <c r="H44" s="579" t="s">
        <v>54</v>
      </c>
      <c r="J44" s="767"/>
      <c r="K44" s="591" t="s">
        <v>375</v>
      </c>
      <c r="L44" s="600">
        <v>0.35625000000000001</v>
      </c>
      <c r="M44" s="598" t="s">
        <v>54</v>
      </c>
      <c r="N44" s="598" t="s">
        <v>54</v>
      </c>
      <c r="O44" s="598" t="s">
        <v>54</v>
      </c>
      <c r="P44" s="577" t="s">
        <v>54</v>
      </c>
      <c r="Q44" s="579">
        <v>0.79375000000000007</v>
      </c>
    </row>
    <row r="45" spans="1:17" hidden="1" x14ac:dyDescent="0.15">
      <c r="A45" s="767"/>
      <c r="B45" s="576"/>
      <c r="C45" s="577"/>
      <c r="D45" s="578"/>
      <c r="E45" s="578"/>
      <c r="F45" s="578"/>
      <c r="G45" s="578"/>
      <c r="H45" s="579"/>
      <c r="J45" s="767"/>
      <c r="K45" s="591"/>
      <c r="L45" s="600">
        <v>0</v>
      </c>
      <c r="M45" s="598">
        <v>0</v>
      </c>
      <c r="N45" s="598">
        <v>0</v>
      </c>
      <c r="O45" s="598">
        <v>0</v>
      </c>
      <c r="P45" s="577">
        <v>0</v>
      </c>
      <c r="Q45" s="579">
        <v>0</v>
      </c>
    </row>
    <row r="46" spans="1:17" x14ac:dyDescent="0.15">
      <c r="A46" s="767"/>
      <c r="B46" s="576" t="s">
        <v>376</v>
      </c>
      <c r="C46" s="568">
        <v>0.3034722222222222</v>
      </c>
      <c r="D46" s="578">
        <v>0.3208333333333333</v>
      </c>
      <c r="E46" s="578" t="s">
        <v>54</v>
      </c>
      <c r="F46" s="578" t="s">
        <v>54</v>
      </c>
      <c r="G46" s="578" t="s">
        <v>54</v>
      </c>
      <c r="H46" s="579" t="s">
        <v>54</v>
      </c>
      <c r="J46" s="767"/>
      <c r="K46" s="591" t="s">
        <v>371</v>
      </c>
      <c r="L46" s="600">
        <v>0.35694444444444445</v>
      </c>
      <c r="M46" s="598" t="s">
        <v>54</v>
      </c>
      <c r="N46" s="598" t="s">
        <v>54</v>
      </c>
      <c r="O46" s="598" t="s">
        <v>54</v>
      </c>
      <c r="P46" s="577" t="s">
        <v>54</v>
      </c>
      <c r="Q46" s="579">
        <v>0.79444444444444451</v>
      </c>
    </row>
    <row r="47" spans="1:17" hidden="1" x14ac:dyDescent="0.15">
      <c r="A47" s="767"/>
      <c r="B47" s="576"/>
      <c r="C47" s="577"/>
      <c r="D47" s="578"/>
      <c r="E47" s="578"/>
      <c r="F47" s="578"/>
      <c r="G47" s="578"/>
      <c r="H47" s="579"/>
      <c r="J47" s="767"/>
      <c r="K47" s="591"/>
      <c r="L47" s="600">
        <v>0</v>
      </c>
      <c r="M47" s="598">
        <v>0</v>
      </c>
      <c r="N47" s="598">
        <v>0</v>
      </c>
      <c r="O47" s="598">
        <v>0</v>
      </c>
      <c r="P47" s="577">
        <v>0</v>
      </c>
      <c r="Q47" s="579">
        <v>0</v>
      </c>
    </row>
    <row r="48" spans="1:17" x14ac:dyDescent="0.15">
      <c r="A48" s="767"/>
      <c r="B48" s="576" t="s">
        <v>369</v>
      </c>
      <c r="C48" s="568">
        <v>0.30416666666666664</v>
      </c>
      <c r="D48" s="578">
        <v>0.32152777777777775</v>
      </c>
      <c r="E48" s="578" t="s">
        <v>54</v>
      </c>
      <c r="F48" s="578" t="s">
        <v>54</v>
      </c>
      <c r="G48" s="578" t="s">
        <v>54</v>
      </c>
      <c r="H48" s="579" t="s">
        <v>54</v>
      </c>
      <c r="J48" s="767"/>
      <c r="K48" s="591" t="s">
        <v>219</v>
      </c>
      <c r="L48" s="600">
        <v>0.3576388888888889</v>
      </c>
      <c r="M48" s="598" t="s">
        <v>54</v>
      </c>
      <c r="N48" s="598" t="s">
        <v>54</v>
      </c>
      <c r="O48" s="598" t="s">
        <v>54</v>
      </c>
      <c r="P48" s="577" t="s">
        <v>54</v>
      </c>
      <c r="Q48" s="579">
        <v>0.79513888888888895</v>
      </c>
    </row>
    <row r="49" spans="1:17" hidden="1" x14ac:dyDescent="0.15">
      <c r="A49" s="767"/>
      <c r="B49" s="576"/>
      <c r="C49" s="577"/>
      <c r="D49" s="578"/>
      <c r="E49" s="578"/>
      <c r="F49" s="578"/>
      <c r="G49" s="578"/>
      <c r="H49" s="579"/>
      <c r="J49" s="767"/>
      <c r="K49" s="591"/>
      <c r="L49" s="600">
        <v>0</v>
      </c>
      <c r="M49" s="598">
        <v>0</v>
      </c>
      <c r="N49" s="598">
        <v>0</v>
      </c>
      <c r="O49" s="598">
        <v>0</v>
      </c>
      <c r="P49" s="577">
        <v>0</v>
      </c>
      <c r="Q49" s="579">
        <v>0</v>
      </c>
    </row>
    <row r="50" spans="1:17" x14ac:dyDescent="0.15">
      <c r="A50" s="767"/>
      <c r="B50" s="576" t="s">
        <v>283</v>
      </c>
      <c r="C50" s="568">
        <v>0.30486111111111108</v>
      </c>
      <c r="D50" s="578">
        <v>0.32222222222222219</v>
      </c>
      <c r="E50" s="578" t="s">
        <v>54</v>
      </c>
      <c r="F50" s="578" t="s">
        <v>54</v>
      </c>
      <c r="G50" s="578" t="s">
        <v>54</v>
      </c>
      <c r="H50" s="579" t="s">
        <v>54</v>
      </c>
      <c r="J50" s="767"/>
      <c r="K50" s="591" t="s">
        <v>221</v>
      </c>
      <c r="L50" s="600">
        <v>0.35902777777777778</v>
      </c>
      <c r="M50" s="598" t="s">
        <v>54</v>
      </c>
      <c r="N50" s="598" t="s">
        <v>54</v>
      </c>
      <c r="O50" s="598" t="s">
        <v>54</v>
      </c>
      <c r="P50" s="577" t="s">
        <v>54</v>
      </c>
      <c r="Q50" s="579">
        <v>0.79652777777777783</v>
      </c>
    </row>
    <row r="51" spans="1:17" hidden="1" x14ac:dyDescent="0.15">
      <c r="A51" s="767"/>
      <c r="B51" s="576"/>
      <c r="C51" s="577"/>
      <c r="D51" s="578"/>
      <c r="E51" s="578"/>
      <c r="F51" s="578"/>
      <c r="G51" s="578"/>
      <c r="H51" s="579"/>
      <c r="J51" s="767"/>
      <c r="K51" s="591"/>
      <c r="L51" s="600">
        <v>0</v>
      </c>
      <c r="M51" s="598">
        <v>0</v>
      </c>
      <c r="N51" s="598">
        <v>0</v>
      </c>
      <c r="O51" s="598">
        <v>0</v>
      </c>
      <c r="P51" s="577">
        <v>0</v>
      </c>
      <c r="Q51" s="579">
        <v>0</v>
      </c>
    </row>
    <row r="52" spans="1:17" x14ac:dyDescent="0.15">
      <c r="A52" s="767"/>
      <c r="B52" s="576" t="s">
        <v>233</v>
      </c>
      <c r="C52" s="568">
        <v>0.30486111111111108</v>
      </c>
      <c r="D52" s="578">
        <v>0.32222222222222219</v>
      </c>
      <c r="E52" s="578" t="s">
        <v>54</v>
      </c>
      <c r="F52" s="578" t="s">
        <v>54</v>
      </c>
      <c r="G52" s="578" t="s">
        <v>54</v>
      </c>
      <c r="H52" s="579" t="s">
        <v>54</v>
      </c>
      <c r="J52" s="767"/>
      <c r="K52" s="591" t="s">
        <v>377</v>
      </c>
      <c r="L52" s="600">
        <v>0.35972222222222222</v>
      </c>
      <c r="M52" s="598" t="s">
        <v>54</v>
      </c>
      <c r="N52" s="598" t="s">
        <v>54</v>
      </c>
      <c r="O52" s="598" t="s">
        <v>54</v>
      </c>
      <c r="P52" s="577" t="s">
        <v>54</v>
      </c>
      <c r="Q52" s="579">
        <v>0.79722222222222228</v>
      </c>
    </row>
    <row r="53" spans="1:17" hidden="1" x14ac:dyDescent="0.15">
      <c r="A53" s="767"/>
      <c r="B53" s="576"/>
      <c r="C53" s="577"/>
      <c r="D53" s="578"/>
      <c r="E53" s="578"/>
      <c r="F53" s="578"/>
      <c r="G53" s="578"/>
      <c r="H53" s="579"/>
      <c r="J53" s="767"/>
      <c r="K53" s="591"/>
      <c r="L53" s="600">
        <v>0</v>
      </c>
      <c r="M53" s="598">
        <v>0</v>
      </c>
      <c r="N53" s="598">
        <v>0</v>
      </c>
      <c r="O53" s="598">
        <v>0</v>
      </c>
      <c r="P53" s="577">
        <v>0</v>
      </c>
      <c r="Q53" s="579">
        <v>0</v>
      </c>
    </row>
    <row r="54" spans="1:17" x14ac:dyDescent="0.15">
      <c r="A54" s="767"/>
      <c r="B54" s="576" t="s">
        <v>366</v>
      </c>
      <c r="C54" s="568">
        <v>0.30555555555555552</v>
      </c>
      <c r="D54" s="578">
        <v>0.32291666666666663</v>
      </c>
      <c r="E54" s="578" t="s">
        <v>54</v>
      </c>
      <c r="F54" s="578" t="s">
        <v>54</v>
      </c>
      <c r="G54" s="578" t="s">
        <v>54</v>
      </c>
      <c r="H54" s="579" t="s">
        <v>54</v>
      </c>
      <c r="J54" s="767"/>
      <c r="K54" s="591" t="s">
        <v>374</v>
      </c>
      <c r="L54" s="600">
        <v>0.36041666666666666</v>
      </c>
      <c r="M54" s="598" t="s">
        <v>54</v>
      </c>
      <c r="N54" s="598" t="s">
        <v>54</v>
      </c>
      <c r="O54" s="598" t="s">
        <v>54</v>
      </c>
      <c r="P54" s="577" t="s">
        <v>54</v>
      </c>
      <c r="Q54" s="579">
        <v>0.79791666666666672</v>
      </c>
    </row>
    <row r="55" spans="1:17" hidden="1" x14ac:dyDescent="0.15">
      <c r="A55" s="767"/>
      <c r="B55" s="576"/>
      <c r="C55" s="577"/>
      <c r="D55" s="578"/>
      <c r="E55" s="601"/>
      <c r="F55" s="601"/>
      <c r="G55" s="578"/>
      <c r="H55" s="579"/>
      <c r="J55" s="767"/>
      <c r="K55" s="591"/>
      <c r="L55" s="600">
        <v>0</v>
      </c>
      <c r="M55" s="598">
        <v>0</v>
      </c>
      <c r="N55" s="598">
        <v>0</v>
      </c>
      <c r="O55" s="598">
        <v>0</v>
      </c>
      <c r="P55" s="577">
        <v>0</v>
      </c>
      <c r="Q55" s="579">
        <v>0</v>
      </c>
    </row>
    <row r="56" spans="1:17" x14ac:dyDescent="0.15">
      <c r="A56" s="767"/>
      <c r="B56" s="576" t="s">
        <v>364</v>
      </c>
      <c r="C56" s="568">
        <v>0.30624999999999997</v>
      </c>
      <c r="D56" s="602">
        <v>0.32361111111111107</v>
      </c>
      <c r="E56" s="687">
        <v>0.40625</v>
      </c>
      <c r="F56" s="688">
        <v>0.57291666666666663</v>
      </c>
      <c r="G56" s="603" t="s">
        <v>378</v>
      </c>
      <c r="H56" s="579" t="s">
        <v>379</v>
      </c>
      <c r="J56" s="767"/>
      <c r="K56" s="591" t="s">
        <v>227</v>
      </c>
      <c r="L56" s="600">
        <v>0.3611111111111111</v>
      </c>
      <c r="M56" s="598" t="s">
        <v>54</v>
      </c>
      <c r="N56" s="598" t="s">
        <v>54</v>
      </c>
      <c r="O56" s="598" t="s">
        <v>54</v>
      </c>
      <c r="P56" s="577" t="s">
        <v>54</v>
      </c>
      <c r="Q56" s="579">
        <v>0.79861111111111116</v>
      </c>
    </row>
    <row r="57" spans="1:17" hidden="1" x14ac:dyDescent="0.15">
      <c r="A57" s="767"/>
      <c r="B57" s="576"/>
      <c r="C57" s="577"/>
      <c r="D57" s="602"/>
      <c r="E57" s="687"/>
      <c r="F57" s="688"/>
      <c r="G57" s="603"/>
      <c r="H57" s="579"/>
      <c r="J57" s="767"/>
      <c r="K57" s="591"/>
      <c r="L57" s="600">
        <v>0</v>
      </c>
      <c r="M57" s="598">
        <v>0</v>
      </c>
      <c r="N57" s="598">
        <v>0</v>
      </c>
      <c r="O57" s="598">
        <v>0</v>
      </c>
      <c r="P57" s="577">
        <v>0</v>
      </c>
      <c r="Q57" s="579">
        <v>0</v>
      </c>
    </row>
    <row r="58" spans="1:17" x14ac:dyDescent="0.15">
      <c r="A58" s="767"/>
      <c r="B58" s="576" t="s">
        <v>372</v>
      </c>
      <c r="C58" s="568">
        <v>0.30694444444444441</v>
      </c>
      <c r="D58" s="602">
        <v>0.32430555555555551</v>
      </c>
      <c r="E58" s="687">
        <v>0.40694444444444444</v>
      </c>
      <c r="F58" s="688">
        <v>0.57361111111111107</v>
      </c>
      <c r="G58" s="603">
        <v>0.68819444444444444</v>
      </c>
      <c r="H58" s="579">
        <v>0.74722222222222223</v>
      </c>
      <c r="J58" s="767"/>
      <c r="K58" s="591" t="s">
        <v>376</v>
      </c>
      <c r="L58" s="600">
        <v>0.36180555555555555</v>
      </c>
      <c r="M58" s="598" t="s">
        <v>54</v>
      </c>
      <c r="N58" s="598" t="s">
        <v>54</v>
      </c>
      <c r="O58" s="598" t="s">
        <v>54</v>
      </c>
      <c r="P58" s="577" t="s">
        <v>54</v>
      </c>
      <c r="Q58" s="579">
        <v>0.7993055555555556</v>
      </c>
    </row>
    <row r="59" spans="1:17" hidden="1" x14ac:dyDescent="0.15">
      <c r="A59" s="767"/>
      <c r="B59" s="576"/>
      <c r="C59" s="577"/>
      <c r="D59" s="602"/>
      <c r="E59" s="687"/>
      <c r="F59" s="688"/>
      <c r="G59" s="603"/>
      <c r="H59" s="579"/>
      <c r="J59" s="767"/>
      <c r="K59" s="591"/>
      <c r="L59" s="600">
        <v>0</v>
      </c>
      <c r="M59" s="598">
        <v>0</v>
      </c>
      <c r="N59" s="598">
        <v>0</v>
      </c>
      <c r="O59" s="598">
        <v>0</v>
      </c>
      <c r="P59" s="577">
        <v>0</v>
      </c>
      <c r="Q59" s="579">
        <v>0</v>
      </c>
    </row>
    <row r="60" spans="1:17" x14ac:dyDescent="0.15">
      <c r="A60" s="767"/>
      <c r="B60" s="576" t="s">
        <v>370</v>
      </c>
      <c r="C60" s="568">
        <v>0.30763888888888891</v>
      </c>
      <c r="D60" s="602">
        <v>0.32500000000000001</v>
      </c>
      <c r="E60" s="687">
        <v>0.40763888888888894</v>
      </c>
      <c r="F60" s="688">
        <v>0.57430555555555562</v>
      </c>
      <c r="G60" s="603">
        <v>0.68888888888888888</v>
      </c>
      <c r="H60" s="579">
        <v>0.74791666666666679</v>
      </c>
      <c r="J60" s="767"/>
      <c r="K60" s="591" t="s">
        <v>375</v>
      </c>
      <c r="L60" s="600">
        <v>0.36249999999999999</v>
      </c>
      <c r="M60" s="598" t="s">
        <v>54</v>
      </c>
      <c r="N60" s="598" t="s">
        <v>54</v>
      </c>
      <c r="O60" s="598" t="s">
        <v>54</v>
      </c>
      <c r="P60" s="577" t="s">
        <v>54</v>
      </c>
      <c r="Q60" s="579">
        <v>0.8</v>
      </c>
    </row>
    <row r="61" spans="1:17" hidden="1" x14ac:dyDescent="0.15">
      <c r="A61" s="767"/>
      <c r="B61" s="576"/>
      <c r="C61" s="577"/>
      <c r="D61" s="602"/>
      <c r="E61" s="687"/>
      <c r="F61" s="688"/>
      <c r="G61" s="603"/>
      <c r="H61" s="579"/>
      <c r="J61" s="767"/>
      <c r="K61" s="591"/>
      <c r="L61" s="600">
        <v>0</v>
      </c>
      <c r="M61" s="598">
        <v>0</v>
      </c>
      <c r="N61" s="598">
        <v>0</v>
      </c>
      <c r="O61" s="598">
        <v>0</v>
      </c>
      <c r="P61" s="577">
        <v>0</v>
      </c>
      <c r="Q61" s="579">
        <v>0</v>
      </c>
    </row>
    <row r="62" spans="1:17" x14ac:dyDescent="0.15">
      <c r="A62" s="767"/>
      <c r="B62" s="576" t="s">
        <v>291</v>
      </c>
      <c r="C62" s="568">
        <v>0.30833333333333335</v>
      </c>
      <c r="D62" s="602">
        <v>0.32569444444444445</v>
      </c>
      <c r="E62" s="687">
        <v>0.40833333333333338</v>
      </c>
      <c r="F62" s="688">
        <v>0.57500000000000007</v>
      </c>
      <c r="G62" s="603">
        <v>0.68958333333333333</v>
      </c>
      <c r="H62" s="579">
        <v>0.74861111111111123</v>
      </c>
      <c r="J62" s="767"/>
      <c r="K62" s="591" t="s">
        <v>283</v>
      </c>
      <c r="L62" s="600">
        <v>0.36319444444444443</v>
      </c>
      <c r="M62" s="598" t="s">
        <v>54</v>
      </c>
      <c r="N62" s="598" t="s">
        <v>54</v>
      </c>
      <c r="O62" s="598" t="s">
        <v>54</v>
      </c>
      <c r="P62" s="577" t="s">
        <v>54</v>
      </c>
      <c r="Q62" s="579">
        <v>0.80069444444444449</v>
      </c>
    </row>
    <row r="63" spans="1:17" hidden="1" x14ac:dyDescent="0.15">
      <c r="A63" s="767"/>
      <c r="B63" s="576"/>
      <c r="C63" s="577"/>
      <c r="D63" s="602"/>
      <c r="E63" s="687"/>
      <c r="F63" s="688"/>
      <c r="G63" s="603"/>
      <c r="H63" s="579"/>
      <c r="J63" s="767"/>
      <c r="K63" s="591"/>
      <c r="L63" s="600">
        <v>0</v>
      </c>
      <c r="M63" s="598">
        <v>0</v>
      </c>
      <c r="N63" s="598">
        <v>0</v>
      </c>
      <c r="O63" s="598">
        <v>0</v>
      </c>
      <c r="P63" s="577">
        <v>0</v>
      </c>
      <c r="Q63" s="579">
        <v>0</v>
      </c>
    </row>
    <row r="64" spans="1:17" x14ac:dyDescent="0.15">
      <c r="A64" s="767"/>
      <c r="B64" s="576" t="s">
        <v>380</v>
      </c>
      <c r="C64" s="568">
        <v>0.30833333333333335</v>
      </c>
      <c r="D64" s="602">
        <v>0.32569444444444445</v>
      </c>
      <c r="E64" s="687">
        <v>0.40833333333333338</v>
      </c>
      <c r="F64" s="688">
        <v>0.57500000000000007</v>
      </c>
      <c r="G64" s="603">
        <v>0.68958333333333333</v>
      </c>
      <c r="H64" s="579">
        <v>0.74861111111111123</v>
      </c>
      <c r="J64" s="767"/>
      <c r="K64" s="591" t="s">
        <v>233</v>
      </c>
      <c r="L64" s="600">
        <v>0.36319444444444443</v>
      </c>
      <c r="M64" s="598" t="s">
        <v>54</v>
      </c>
      <c r="N64" s="598" t="s">
        <v>54</v>
      </c>
      <c r="O64" s="598" t="s">
        <v>54</v>
      </c>
      <c r="P64" s="577" t="s">
        <v>54</v>
      </c>
      <c r="Q64" s="579">
        <v>0.80069444444444449</v>
      </c>
    </row>
    <row r="65" spans="1:17" hidden="1" x14ac:dyDescent="0.15">
      <c r="A65" s="767"/>
      <c r="B65" s="576"/>
      <c r="C65" s="577"/>
      <c r="D65" s="602"/>
      <c r="E65" s="687"/>
      <c r="F65" s="688"/>
      <c r="G65" s="603"/>
      <c r="H65" s="579"/>
      <c r="J65" s="767"/>
      <c r="K65" s="591"/>
      <c r="L65" s="600">
        <v>0</v>
      </c>
      <c r="M65" s="598">
        <v>0</v>
      </c>
      <c r="N65" s="598">
        <v>0</v>
      </c>
      <c r="O65" s="598">
        <v>0</v>
      </c>
      <c r="P65" s="577">
        <v>0</v>
      </c>
      <c r="Q65" s="579">
        <v>0</v>
      </c>
    </row>
    <row r="66" spans="1:17" x14ac:dyDescent="0.15">
      <c r="A66" s="767"/>
      <c r="B66" s="576" t="s">
        <v>293</v>
      </c>
      <c r="C66" s="568">
        <v>0.30972222222222223</v>
      </c>
      <c r="D66" s="602">
        <v>0.32708333333333334</v>
      </c>
      <c r="E66" s="687">
        <v>0.40972222222222227</v>
      </c>
      <c r="F66" s="688">
        <v>0.57638888888888895</v>
      </c>
      <c r="G66" s="603">
        <v>0.69097222222222221</v>
      </c>
      <c r="H66" s="579">
        <v>0.75000000000000011</v>
      </c>
      <c r="J66" s="767"/>
      <c r="K66" s="591" t="s">
        <v>366</v>
      </c>
      <c r="L66" s="600">
        <v>0.36388888888888887</v>
      </c>
      <c r="M66" s="598" t="s">
        <v>54</v>
      </c>
      <c r="N66" s="598" t="s">
        <v>54</v>
      </c>
      <c r="O66" s="598" t="s">
        <v>54</v>
      </c>
      <c r="P66" s="577" t="s">
        <v>54</v>
      </c>
      <c r="Q66" s="579">
        <v>0.80138888888888893</v>
      </c>
    </row>
    <row r="67" spans="1:17" hidden="1" x14ac:dyDescent="0.15">
      <c r="A67" s="767"/>
      <c r="B67" s="576"/>
      <c r="C67" s="577"/>
      <c r="D67" s="602"/>
      <c r="E67" s="687"/>
      <c r="F67" s="688"/>
      <c r="G67" s="603"/>
      <c r="H67" s="579"/>
      <c r="J67" s="767"/>
      <c r="K67" s="591"/>
      <c r="L67" s="600">
        <v>0</v>
      </c>
      <c r="M67" s="598">
        <v>0</v>
      </c>
      <c r="N67" s="598">
        <v>0</v>
      </c>
      <c r="O67" s="598">
        <v>0</v>
      </c>
      <c r="P67" s="577">
        <v>0</v>
      </c>
      <c r="Q67" s="579">
        <v>0</v>
      </c>
    </row>
    <row r="68" spans="1:17" x14ac:dyDescent="0.15">
      <c r="A68" s="767"/>
      <c r="B68" s="576" t="s">
        <v>365</v>
      </c>
      <c r="C68" s="568">
        <v>0.31041666666666667</v>
      </c>
      <c r="D68" s="602">
        <v>0.32777777777777778</v>
      </c>
      <c r="E68" s="687">
        <v>0.41041666666666671</v>
      </c>
      <c r="F68" s="688">
        <v>0.57708333333333339</v>
      </c>
      <c r="G68" s="603">
        <v>0.69166666666666665</v>
      </c>
      <c r="H68" s="579">
        <v>0.75069444444444455</v>
      </c>
      <c r="J68" s="767"/>
      <c r="K68" s="591" t="s">
        <v>364</v>
      </c>
      <c r="L68" s="600">
        <v>0.36458333333333331</v>
      </c>
      <c r="M68" s="598" t="s">
        <v>54</v>
      </c>
      <c r="N68" s="598" t="s">
        <v>54</v>
      </c>
      <c r="O68" s="598" t="s">
        <v>54</v>
      </c>
      <c r="P68" s="577" t="s">
        <v>54</v>
      </c>
      <c r="Q68" s="579">
        <v>0.80208333333333337</v>
      </c>
    </row>
    <row r="69" spans="1:17" hidden="1" x14ac:dyDescent="0.15">
      <c r="A69" s="767"/>
      <c r="B69" s="576"/>
      <c r="C69" s="577"/>
      <c r="D69" s="602"/>
      <c r="E69" s="687"/>
      <c r="F69" s="688"/>
      <c r="G69" s="603"/>
      <c r="H69" s="579"/>
      <c r="J69" s="767"/>
      <c r="K69" s="591"/>
      <c r="L69" s="600">
        <v>0</v>
      </c>
      <c r="M69" s="598">
        <v>0</v>
      </c>
      <c r="N69" s="598">
        <v>0</v>
      </c>
      <c r="O69" s="598">
        <v>0</v>
      </c>
      <c r="P69" s="577">
        <v>0</v>
      </c>
      <c r="Q69" s="579">
        <v>0</v>
      </c>
    </row>
    <row r="70" spans="1:17" x14ac:dyDescent="0.15">
      <c r="A70" s="767"/>
      <c r="B70" s="576" t="s">
        <v>381</v>
      </c>
      <c r="C70" s="568">
        <v>0.31041666666666667</v>
      </c>
      <c r="D70" s="602">
        <v>0.32777777777777778</v>
      </c>
      <c r="E70" s="687">
        <v>0.41041666666666671</v>
      </c>
      <c r="F70" s="688">
        <v>0.57708333333333339</v>
      </c>
      <c r="G70" s="603">
        <v>0.69166666666666665</v>
      </c>
      <c r="H70" s="579">
        <v>0.75069444444444455</v>
      </c>
      <c r="J70" s="767"/>
      <c r="K70" s="591" t="s">
        <v>236</v>
      </c>
      <c r="L70" s="600">
        <v>0.36458333333333331</v>
      </c>
      <c r="M70" s="598" t="s">
        <v>54</v>
      </c>
      <c r="N70" s="598" t="s">
        <v>54</v>
      </c>
      <c r="O70" s="598" t="s">
        <v>54</v>
      </c>
      <c r="P70" s="577" t="s">
        <v>54</v>
      </c>
      <c r="Q70" s="579">
        <v>0.80208333333333337</v>
      </c>
    </row>
    <row r="71" spans="1:17" hidden="1" x14ac:dyDescent="0.15">
      <c r="A71" s="767"/>
      <c r="B71" s="576"/>
      <c r="C71" s="577"/>
      <c r="D71" s="602"/>
      <c r="E71" s="687"/>
      <c r="F71" s="688"/>
      <c r="G71" s="603"/>
      <c r="H71" s="579"/>
      <c r="J71" s="767"/>
      <c r="K71" s="591"/>
      <c r="L71" s="600">
        <v>0</v>
      </c>
      <c r="M71" s="598">
        <v>0</v>
      </c>
      <c r="N71" s="598">
        <v>0</v>
      </c>
      <c r="O71" s="598">
        <v>0</v>
      </c>
      <c r="P71" s="577">
        <v>0</v>
      </c>
      <c r="Q71" s="579">
        <v>0</v>
      </c>
    </row>
    <row r="72" spans="1:17" x14ac:dyDescent="0.15">
      <c r="A72" s="767"/>
      <c r="B72" s="576" t="s">
        <v>362</v>
      </c>
      <c r="C72" s="568">
        <v>0.31111111111111112</v>
      </c>
      <c r="D72" s="602">
        <v>0.32847222222222222</v>
      </c>
      <c r="E72" s="687">
        <v>0.41111111111111115</v>
      </c>
      <c r="F72" s="688">
        <v>0.57777777777777783</v>
      </c>
      <c r="G72" s="603">
        <v>0.69236111111111109</v>
      </c>
      <c r="H72" s="579">
        <v>0.75138888888888899</v>
      </c>
      <c r="J72" s="767"/>
      <c r="K72" s="591" t="s">
        <v>238</v>
      </c>
      <c r="L72" s="600">
        <v>0.36458333333333331</v>
      </c>
      <c r="M72" s="598" t="s">
        <v>54</v>
      </c>
      <c r="N72" s="598" t="s">
        <v>54</v>
      </c>
      <c r="O72" s="598" t="s">
        <v>54</v>
      </c>
      <c r="P72" s="577" t="s">
        <v>54</v>
      </c>
      <c r="Q72" s="579">
        <v>0.80208333333333337</v>
      </c>
    </row>
    <row r="73" spans="1:17" hidden="1" x14ac:dyDescent="0.15">
      <c r="A73" s="767"/>
      <c r="B73" s="576"/>
      <c r="C73" s="568"/>
      <c r="D73" s="602"/>
      <c r="E73" s="687"/>
      <c r="F73" s="688"/>
      <c r="G73" s="603"/>
      <c r="H73" s="579"/>
      <c r="J73" s="767"/>
      <c r="K73" s="591"/>
      <c r="L73" s="600">
        <v>0</v>
      </c>
      <c r="M73" s="598">
        <v>0</v>
      </c>
      <c r="N73" s="598">
        <v>0</v>
      </c>
      <c r="O73" s="598">
        <v>0</v>
      </c>
      <c r="P73" s="577">
        <v>0</v>
      </c>
      <c r="Q73" s="579">
        <v>0</v>
      </c>
    </row>
    <row r="74" spans="1:17" x14ac:dyDescent="0.15">
      <c r="A74" s="767"/>
      <c r="B74" s="576" t="s">
        <v>361</v>
      </c>
      <c r="C74" s="568">
        <v>0.31111111111111112</v>
      </c>
      <c r="D74" s="602">
        <v>0.32847222222222222</v>
      </c>
      <c r="E74" s="687">
        <v>0.41111111111111115</v>
      </c>
      <c r="F74" s="688">
        <v>0.57777777777777783</v>
      </c>
      <c r="G74" s="603">
        <v>0.69236111111111109</v>
      </c>
      <c r="H74" s="579">
        <v>0.75138888888888899</v>
      </c>
      <c r="J74" s="767"/>
      <c r="K74" s="591" t="s">
        <v>267</v>
      </c>
      <c r="L74" s="600">
        <v>0.36527777777777781</v>
      </c>
      <c r="M74" s="598" t="s">
        <v>54</v>
      </c>
      <c r="N74" s="598" t="s">
        <v>54</v>
      </c>
      <c r="O74" s="598" t="s">
        <v>54</v>
      </c>
      <c r="P74" s="577" t="s">
        <v>54</v>
      </c>
      <c r="Q74" s="579">
        <v>0.80277777777777781</v>
      </c>
    </row>
    <row r="75" spans="1:17" hidden="1" x14ac:dyDescent="0.15">
      <c r="A75" s="767"/>
      <c r="B75" s="576"/>
      <c r="C75" s="577"/>
      <c r="D75" s="602"/>
      <c r="E75" s="687"/>
      <c r="F75" s="688"/>
      <c r="G75" s="603"/>
      <c r="H75" s="579"/>
      <c r="J75" s="767"/>
      <c r="K75" s="591"/>
      <c r="L75" s="600">
        <v>0</v>
      </c>
      <c r="M75" s="598">
        <v>0</v>
      </c>
      <c r="N75" s="598">
        <v>0</v>
      </c>
      <c r="O75" s="598">
        <v>0</v>
      </c>
      <c r="P75" s="577">
        <v>0</v>
      </c>
      <c r="Q75" s="579">
        <v>0</v>
      </c>
    </row>
    <row r="76" spans="1:17" x14ac:dyDescent="0.15">
      <c r="A76" s="767"/>
      <c r="B76" s="576" t="s">
        <v>359</v>
      </c>
      <c r="C76" s="568">
        <v>0.31111111111111112</v>
      </c>
      <c r="D76" s="602">
        <v>0.32847222222222222</v>
      </c>
      <c r="E76" s="687">
        <v>0.41111111111111115</v>
      </c>
      <c r="F76" s="688">
        <v>0.57777777777777783</v>
      </c>
      <c r="G76" s="603">
        <v>0.69236111111111109</v>
      </c>
      <c r="H76" s="579">
        <v>0.75138888888888899</v>
      </c>
      <c r="J76" s="767"/>
      <c r="K76" s="591" t="s">
        <v>241</v>
      </c>
      <c r="L76" s="600">
        <v>0.3659722222222222</v>
      </c>
      <c r="M76" s="598" t="s">
        <v>54</v>
      </c>
      <c r="N76" s="598" t="s">
        <v>54</v>
      </c>
      <c r="O76" s="598" t="s">
        <v>54</v>
      </c>
      <c r="P76" s="577" t="s">
        <v>54</v>
      </c>
      <c r="Q76" s="579">
        <v>0.80347222222222214</v>
      </c>
    </row>
    <row r="77" spans="1:17" hidden="1" x14ac:dyDescent="0.15">
      <c r="A77" s="767"/>
      <c r="B77" s="576"/>
      <c r="C77" s="577"/>
      <c r="D77" s="602"/>
      <c r="E77" s="687"/>
      <c r="F77" s="688"/>
      <c r="G77" s="603"/>
      <c r="H77" s="579"/>
      <c r="J77" s="767"/>
      <c r="K77" s="591"/>
      <c r="L77" s="600">
        <v>0</v>
      </c>
      <c r="M77" s="598">
        <v>0</v>
      </c>
      <c r="N77" s="598">
        <v>0</v>
      </c>
      <c r="O77" s="598">
        <v>0</v>
      </c>
      <c r="P77" s="577">
        <v>0</v>
      </c>
      <c r="Q77" s="579">
        <v>0</v>
      </c>
    </row>
    <row r="78" spans="1:17" x14ac:dyDescent="0.15">
      <c r="A78" s="767"/>
      <c r="B78" s="576" t="s">
        <v>358</v>
      </c>
      <c r="C78" s="568">
        <v>0.31180555555555556</v>
      </c>
      <c r="D78" s="602">
        <v>0.32916666666666666</v>
      </c>
      <c r="E78" s="687">
        <v>0.41180555555555559</v>
      </c>
      <c r="F78" s="688">
        <v>0.57847222222222228</v>
      </c>
      <c r="G78" s="603">
        <v>0.69305555555555554</v>
      </c>
      <c r="H78" s="579">
        <v>0.75208333333333344</v>
      </c>
      <c r="J78" s="767"/>
      <c r="K78" s="591" t="s">
        <v>357</v>
      </c>
      <c r="L78" s="600">
        <v>0.3659722222222222</v>
      </c>
      <c r="M78" s="598" t="s">
        <v>54</v>
      </c>
      <c r="N78" s="598" t="s">
        <v>54</v>
      </c>
      <c r="O78" s="598" t="s">
        <v>54</v>
      </c>
      <c r="P78" s="577" t="s">
        <v>54</v>
      </c>
      <c r="Q78" s="579">
        <v>0.80347222222222214</v>
      </c>
    </row>
    <row r="79" spans="1:17" hidden="1" x14ac:dyDescent="0.15">
      <c r="A79" s="767"/>
      <c r="B79" s="576"/>
      <c r="C79" s="577"/>
      <c r="D79" s="602"/>
      <c r="E79" s="687"/>
      <c r="F79" s="688"/>
      <c r="G79" s="603"/>
      <c r="H79" s="579"/>
      <c r="J79" s="767"/>
      <c r="K79" s="591"/>
      <c r="L79" s="600">
        <v>0</v>
      </c>
      <c r="M79" s="598">
        <v>0</v>
      </c>
      <c r="N79" s="598">
        <v>0</v>
      </c>
      <c r="O79" s="598">
        <v>0</v>
      </c>
      <c r="P79" s="577">
        <v>0</v>
      </c>
      <c r="Q79" s="579">
        <v>0</v>
      </c>
    </row>
    <row r="80" spans="1:17" x14ac:dyDescent="0.15">
      <c r="A80" s="767"/>
      <c r="B80" s="576" t="s">
        <v>353</v>
      </c>
      <c r="C80" s="568">
        <v>0.31527777777777777</v>
      </c>
      <c r="D80" s="602">
        <v>0.33263888888888887</v>
      </c>
      <c r="E80" s="687">
        <v>0.4152777777777778</v>
      </c>
      <c r="F80" s="688">
        <v>0.58194444444444449</v>
      </c>
      <c r="G80" s="603">
        <v>0.69652777777777775</v>
      </c>
      <c r="H80" s="579">
        <v>0.75555555555555565</v>
      </c>
      <c r="J80" s="767"/>
      <c r="K80" s="591" t="s">
        <v>247</v>
      </c>
      <c r="L80" s="600">
        <v>0.3659722222222222</v>
      </c>
      <c r="M80" s="598" t="s">
        <v>54</v>
      </c>
      <c r="N80" s="598" t="s">
        <v>54</v>
      </c>
      <c r="O80" s="598" t="s">
        <v>54</v>
      </c>
      <c r="P80" s="577" t="s">
        <v>54</v>
      </c>
      <c r="Q80" s="579">
        <v>0.80347222222222214</v>
      </c>
    </row>
    <row r="81" spans="1:17" hidden="1" x14ac:dyDescent="0.15">
      <c r="A81" s="767"/>
      <c r="B81" s="604"/>
      <c r="C81" s="605"/>
      <c r="D81" s="606"/>
      <c r="E81" s="689"/>
      <c r="F81" s="690"/>
      <c r="G81" s="607"/>
      <c r="H81" s="608"/>
      <c r="J81" s="767"/>
      <c r="K81" s="591"/>
      <c r="L81" s="600">
        <v>0</v>
      </c>
      <c r="M81" s="598">
        <v>0</v>
      </c>
      <c r="N81" s="598">
        <v>0</v>
      </c>
      <c r="O81" s="598">
        <v>0</v>
      </c>
      <c r="P81" s="577">
        <v>0</v>
      </c>
      <c r="Q81" s="579">
        <v>0</v>
      </c>
    </row>
    <row r="82" spans="1:17" x14ac:dyDescent="0.15">
      <c r="A82" s="768"/>
      <c r="B82" s="609" t="s">
        <v>894</v>
      </c>
      <c r="C82" s="610" t="s">
        <v>19</v>
      </c>
      <c r="D82" s="611" t="s">
        <v>19</v>
      </c>
      <c r="E82" s="611">
        <v>0.41789351851851853</v>
      </c>
      <c r="F82" s="611">
        <v>0.58456018518518527</v>
      </c>
      <c r="G82" s="611" t="s">
        <v>19</v>
      </c>
      <c r="H82" s="612" t="s">
        <v>19</v>
      </c>
      <c r="J82" s="767"/>
      <c r="K82" s="591" t="s">
        <v>352</v>
      </c>
      <c r="L82" s="600">
        <v>0.3666666666666667</v>
      </c>
      <c r="M82" s="598" t="s">
        <v>54</v>
      </c>
      <c r="N82" s="598" t="s">
        <v>54</v>
      </c>
      <c r="O82" s="598" t="s">
        <v>54</v>
      </c>
      <c r="P82" s="577" t="s">
        <v>54</v>
      </c>
      <c r="Q82" s="579">
        <v>0.8041666666666667</v>
      </c>
    </row>
    <row r="83" spans="1:17" hidden="1" x14ac:dyDescent="0.15">
      <c r="A83" s="768"/>
      <c r="B83" s="613"/>
      <c r="C83" s="610"/>
      <c r="D83" s="611"/>
      <c r="E83" s="611"/>
      <c r="F83" s="611"/>
      <c r="G83" s="611"/>
      <c r="H83" s="612"/>
      <c r="J83" s="767"/>
      <c r="K83" s="591"/>
      <c r="L83" s="600">
        <v>0</v>
      </c>
      <c r="M83" s="598">
        <v>0</v>
      </c>
      <c r="N83" s="598">
        <v>0</v>
      </c>
      <c r="O83" s="598">
        <v>0</v>
      </c>
      <c r="P83" s="577">
        <v>0</v>
      </c>
      <c r="Q83" s="579">
        <v>0</v>
      </c>
    </row>
    <row r="84" spans="1:17" x14ac:dyDescent="0.15">
      <c r="A84" s="768"/>
      <c r="B84" s="609" t="s">
        <v>895</v>
      </c>
      <c r="C84" s="610" t="s">
        <v>19</v>
      </c>
      <c r="D84" s="611" t="s">
        <v>19</v>
      </c>
      <c r="E84" s="611">
        <v>0.42041666666666666</v>
      </c>
      <c r="F84" s="611">
        <v>0.5870833333333334</v>
      </c>
      <c r="G84" s="611" t="s">
        <v>19</v>
      </c>
      <c r="H84" s="612" t="s">
        <v>19</v>
      </c>
      <c r="J84" s="767"/>
      <c r="K84" s="591" t="s">
        <v>251</v>
      </c>
      <c r="L84" s="600">
        <v>0.36736111111111108</v>
      </c>
      <c r="M84" s="598" t="s">
        <v>54</v>
      </c>
      <c r="N84" s="598" t="s">
        <v>54</v>
      </c>
      <c r="O84" s="598" t="s">
        <v>54</v>
      </c>
      <c r="P84" s="577" t="s">
        <v>54</v>
      </c>
      <c r="Q84" s="579">
        <v>0.80486111111111103</v>
      </c>
    </row>
    <row r="85" spans="1:17" hidden="1" x14ac:dyDescent="0.15">
      <c r="A85" s="767"/>
      <c r="B85" s="567"/>
      <c r="C85" s="568"/>
      <c r="D85" s="614"/>
      <c r="E85" s="691"/>
      <c r="F85" s="692"/>
      <c r="G85" s="615"/>
      <c r="H85" s="616"/>
      <c r="J85" s="767"/>
      <c r="K85" s="591"/>
      <c r="L85" s="600">
        <v>0</v>
      </c>
      <c r="M85" s="598">
        <v>0</v>
      </c>
      <c r="N85" s="598">
        <v>0</v>
      </c>
      <c r="O85" s="598">
        <v>0</v>
      </c>
      <c r="P85" s="577">
        <v>0</v>
      </c>
      <c r="Q85" s="579">
        <v>0</v>
      </c>
    </row>
    <row r="86" spans="1:17" x14ac:dyDescent="0.15">
      <c r="A86" s="767"/>
      <c r="B86" s="576" t="s">
        <v>351</v>
      </c>
      <c r="C86" s="568" t="s">
        <v>382</v>
      </c>
      <c r="D86" s="602" t="s">
        <v>383</v>
      </c>
      <c r="E86" s="687">
        <v>0.42510416666666667</v>
      </c>
      <c r="F86" s="688">
        <v>0.59177083333333336</v>
      </c>
      <c r="G86" s="617" t="s">
        <v>384</v>
      </c>
      <c r="H86" s="618" t="s">
        <v>385</v>
      </c>
      <c r="J86" s="767"/>
      <c r="K86" s="591" t="s">
        <v>264</v>
      </c>
      <c r="L86" s="600">
        <v>0.36805555555555558</v>
      </c>
      <c r="M86" s="598" t="s">
        <v>54</v>
      </c>
      <c r="N86" s="598" t="s">
        <v>54</v>
      </c>
      <c r="O86" s="598" t="s">
        <v>54</v>
      </c>
      <c r="P86" s="577" t="s">
        <v>54</v>
      </c>
      <c r="Q86" s="579">
        <v>0.80555555555555558</v>
      </c>
    </row>
    <row r="87" spans="1:17" hidden="1" x14ac:dyDescent="0.15">
      <c r="A87" s="767"/>
      <c r="B87" s="604"/>
      <c r="C87" s="605"/>
      <c r="D87" s="606"/>
      <c r="E87" s="687"/>
      <c r="F87" s="688"/>
      <c r="G87" s="607"/>
      <c r="H87" s="619"/>
      <c r="J87" s="767"/>
      <c r="K87" s="620"/>
      <c r="L87" s="621">
        <v>0</v>
      </c>
      <c r="M87" s="622">
        <v>0</v>
      </c>
      <c r="N87" s="622">
        <v>0</v>
      </c>
      <c r="O87" s="622">
        <v>0</v>
      </c>
      <c r="P87" s="605">
        <v>0</v>
      </c>
      <c r="Q87" s="608">
        <v>0</v>
      </c>
    </row>
    <row r="88" spans="1:17" ht="14.25" thickBot="1" x14ac:dyDescent="0.2">
      <c r="A88" s="767"/>
      <c r="B88" s="623" t="s">
        <v>346</v>
      </c>
      <c r="C88" s="624">
        <v>0.32013888888888892</v>
      </c>
      <c r="D88" s="625">
        <v>0.33749999999999997</v>
      </c>
      <c r="E88" s="693">
        <v>0.42649305555555556</v>
      </c>
      <c r="F88" s="694">
        <v>0.59315972222222224</v>
      </c>
      <c r="G88" s="626">
        <v>0.70138888888888895</v>
      </c>
      <c r="H88" s="627">
        <v>0.76041666666666663</v>
      </c>
      <c r="J88" s="769"/>
      <c r="K88" s="628" t="s">
        <v>386</v>
      </c>
      <c r="L88" s="629">
        <v>0.36874999999999997</v>
      </c>
      <c r="M88" s="630" t="s">
        <v>54</v>
      </c>
      <c r="N88" s="630" t="s">
        <v>54</v>
      </c>
      <c r="O88" s="630" t="s">
        <v>54</v>
      </c>
      <c r="P88" s="624" t="s">
        <v>54</v>
      </c>
      <c r="Q88" s="631">
        <v>0.80624999999999991</v>
      </c>
    </row>
    <row r="89" spans="1:17" x14ac:dyDescent="0.15">
      <c r="A89" s="632"/>
      <c r="B89" s="421" t="s">
        <v>883</v>
      </c>
      <c r="K89" s="421" t="s">
        <v>884</v>
      </c>
    </row>
    <row r="90" spans="1:17" x14ac:dyDescent="0.15">
      <c r="A90" s="633"/>
      <c r="C90" s="421"/>
      <c r="D90" s="421"/>
      <c r="E90" s="421"/>
      <c r="F90" s="421"/>
      <c r="J90" s="634"/>
      <c r="N90" s="551"/>
      <c r="O90" s="635"/>
      <c r="P90" s="551"/>
      <c r="Q90" s="551"/>
    </row>
    <row r="91" spans="1:17" x14ac:dyDescent="0.15">
      <c r="A91" s="633"/>
      <c r="C91" s="421"/>
      <c r="D91" s="421"/>
      <c r="E91" s="421"/>
      <c r="F91" s="421"/>
      <c r="J91" s="634"/>
    </row>
    <row r="92" spans="1:17" x14ac:dyDescent="0.15">
      <c r="A92" s="633"/>
      <c r="C92" s="421"/>
      <c r="D92" s="421"/>
      <c r="E92" s="421"/>
      <c r="F92" s="421"/>
      <c r="J92" s="634"/>
      <c r="N92" s="636"/>
      <c r="O92" s="637" t="s">
        <v>387</v>
      </c>
      <c r="P92" s="551"/>
      <c r="Q92" s="551"/>
    </row>
    <row r="93" spans="1:17" x14ac:dyDescent="0.15">
      <c r="N93" s="638"/>
      <c r="O93" s="637" t="s">
        <v>388</v>
      </c>
      <c r="P93" s="551"/>
      <c r="Q93" s="551"/>
    </row>
  </sheetData>
  <mergeCells count="3">
    <mergeCell ref="B1:Q1"/>
    <mergeCell ref="A3:A88"/>
    <mergeCell ref="J3:J88"/>
  </mergeCells>
  <phoneticPr fontId="3"/>
  <pageMargins left="0.31496062992125984" right="0.31496062992125984" top="0" bottom="0" header="0.31496062992125984" footer="0.31496062992125984"/>
  <pageSetup paperSize="9" scale="70" orientation="landscape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49"/>
  <sheetViews>
    <sheetView showGridLines="0" view="pageBreakPreview" zoomScale="70" zoomScaleNormal="100" zoomScaleSheetLayoutView="70" workbookViewId="0">
      <selection activeCell="I5" sqref="I5"/>
    </sheetView>
  </sheetViews>
  <sheetFormatPr defaultColWidth="23.5" defaultRowHeight="13.5" x14ac:dyDescent="0.15"/>
  <cols>
    <col min="1" max="1" width="4.125" style="186" customWidth="1"/>
    <col min="2" max="2" width="20.625" style="186" customWidth="1"/>
    <col min="3" max="14" width="7.625" style="186" customWidth="1"/>
    <col min="15" max="15" width="3.625" style="186" customWidth="1"/>
    <col min="16" max="16" width="4.125" style="186" customWidth="1"/>
    <col min="17" max="17" width="20.625" style="186" customWidth="1"/>
    <col min="18" max="29" width="7.625" style="186" customWidth="1"/>
    <col min="30" max="30" width="7.25" style="186" bestFit="1" customWidth="1"/>
    <col min="31" max="31" width="13" style="186" customWidth="1"/>
    <col min="32" max="16384" width="23.5" style="186"/>
  </cols>
  <sheetData>
    <row r="1" spans="1:30" ht="24.95" customHeight="1" x14ac:dyDescent="0.15">
      <c r="A1" s="639"/>
      <c r="B1" s="770" t="s">
        <v>888</v>
      </c>
      <c r="C1" s="771"/>
      <c r="D1" s="771"/>
      <c r="E1" s="771"/>
      <c r="F1" s="771"/>
      <c r="G1" s="771"/>
      <c r="H1" s="771"/>
      <c r="I1" s="771"/>
      <c r="J1" s="771"/>
      <c r="K1" s="771"/>
      <c r="L1" s="771"/>
      <c r="M1" s="771"/>
      <c r="N1" s="771"/>
      <c r="O1" s="771"/>
      <c r="P1" s="771"/>
      <c r="Q1" s="771"/>
      <c r="R1" s="771"/>
      <c r="S1" s="771"/>
      <c r="T1" s="771"/>
      <c r="U1" s="771"/>
      <c r="V1" s="771"/>
      <c r="W1" s="771"/>
      <c r="X1" s="771"/>
      <c r="Y1" s="771"/>
      <c r="Z1" s="771"/>
      <c r="AA1" s="771"/>
      <c r="AB1" s="771"/>
      <c r="AC1" s="771"/>
      <c r="AD1" s="771"/>
    </row>
    <row r="2" spans="1:30" ht="7.5" customHeight="1" x14ac:dyDescent="0.15">
      <c r="A2" s="187"/>
      <c r="B2" s="187"/>
      <c r="C2" s="187"/>
      <c r="D2" s="68"/>
      <c r="E2" s="187"/>
      <c r="F2" s="187"/>
      <c r="G2" s="187"/>
      <c r="H2" s="187"/>
      <c r="I2" s="187"/>
      <c r="J2" s="187"/>
      <c r="K2" s="187"/>
      <c r="L2" s="187"/>
      <c r="M2" s="187"/>
      <c r="N2" s="68"/>
      <c r="O2" s="187"/>
      <c r="P2" s="187"/>
      <c r="Q2" s="187"/>
      <c r="R2" s="187"/>
      <c r="S2" s="187"/>
      <c r="T2" s="187"/>
      <c r="U2" s="187"/>
      <c r="V2" s="187"/>
      <c r="W2" s="187"/>
      <c r="X2" s="187"/>
      <c r="Y2" s="187"/>
      <c r="Z2" s="187"/>
      <c r="AA2" s="187"/>
      <c r="AB2" s="187"/>
      <c r="AC2" s="187"/>
      <c r="AD2" s="68"/>
    </row>
    <row r="3" spans="1:30" ht="21.95" customHeight="1" x14ac:dyDescent="0.15">
      <c r="A3" s="772" t="s">
        <v>80</v>
      </c>
      <c r="B3" s="640" t="s">
        <v>1</v>
      </c>
      <c r="C3" s="24" t="s">
        <v>2</v>
      </c>
      <c r="D3" s="11" t="s">
        <v>3</v>
      </c>
      <c r="E3" s="12" t="s">
        <v>4</v>
      </c>
      <c r="F3" s="12" t="s">
        <v>5</v>
      </c>
      <c r="G3" s="12" t="s">
        <v>6</v>
      </c>
      <c r="H3" s="12" t="s">
        <v>7</v>
      </c>
      <c r="I3" s="12" t="s">
        <v>8</v>
      </c>
      <c r="J3" s="12" t="s">
        <v>9</v>
      </c>
      <c r="K3" s="12" t="s">
        <v>10</v>
      </c>
      <c r="L3" s="11" t="s">
        <v>11</v>
      </c>
      <c r="M3" s="11" t="s">
        <v>12</v>
      </c>
      <c r="N3" s="11" t="s">
        <v>81</v>
      </c>
      <c r="O3" s="187"/>
      <c r="P3" s="772" t="s">
        <v>13</v>
      </c>
      <c r="Q3" s="640" t="s">
        <v>1</v>
      </c>
      <c r="R3" s="11" t="s">
        <v>2</v>
      </c>
      <c r="S3" s="11" t="s">
        <v>3</v>
      </c>
      <c r="T3" s="11" t="s">
        <v>4</v>
      </c>
      <c r="U3" s="12" t="s">
        <v>5</v>
      </c>
      <c r="V3" s="12" t="s">
        <v>6</v>
      </c>
      <c r="W3" s="12" t="s">
        <v>7</v>
      </c>
      <c r="X3" s="12" t="s">
        <v>8</v>
      </c>
      <c r="Y3" s="12" t="s">
        <v>9</v>
      </c>
      <c r="Z3" s="12" t="s">
        <v>10</v>
      </c>
      <c r="AA3" s="12" t="s">
        <v>11</v>
      </c>
      <c r="AB3" s="11" t="s">
        <v>12</v>
      </c>
      <c r="AC3" s="14" t="s">
        <v>81</v>
      </c>
      <c r="AD3" s="69" t="s">
        <v>82</v>
      </c>
    </row>
    <row r="4" spans="1:30" ht="21.95" customHeight="1" x14ac:dyDescent="0.15">
      <c r="A4" s="773"/>
      <c r="B4" s="87" t="s">
        <v>83</v>
      </c>
      <c r="C4" s="70">
        <v>0.29166666666666669</v>
      </c>
      <c r="D4" s="19">
        <v>0.31944444444444448</v>
      </c>
      <c r="E4" s="12">
        <v>0.37916666666666643</v>
      </c>
      <c r="F4" s="12">
        <v>0.42083333333333284</v>
      </c>
      <c r="G4" s="12">
        <v>0.46249999999999947</v>
      </c>
      <c r="H4" s="12">
        <v>0.50416666666666587</v>
      </c>
      <c r="I4" s="12">
        <v>0.5458333333333325</v>
      </c>
      <c r="J4" s="12">
        <v>0.58749999999999891</v>
      </c>
      <c r="K4" s="12">
        <v>0.62916666666666554</v>
      </c>
      <c r="L4" s="11">
        <v>0.67083333333333195</v>
      </c>
      <c r="M4" s="11">
        <v>0.71249999999999858</v>
      </c>
      <c r="N4" s="11">
        <v>0.75416666666666676</v>
      </c>
      <c r="O4" s="187"/>
      <c r="P4" s="772"/>
      <c r="Q4" s="473" t="s">
        <v>84</v>
      </c>
      <c r="R4" s="11">
        <v>0.30486111111111103</v>
      </c>
      <c r="S4" s="11">
        <v>0.33958333333333324</v>
      </c>
      <c r="T4" s="11">
        <v>0.38124999999999998</v>
      </c>
      <c r="U4" s="12">
        <v>0.42291666666666627</v>
      </c>
      <c r="V4" s="12">
        <v>0.46458333333333268</v>
      </c>
      <c r="W4" s="12">
        <v>0.50624999999999931</v>
      </c>
      <c r="X4" s="12">
        <v>0.54791666666666572</v>
      </c>
      <c r="Y4" s="12">
        <v>0.58958333333333235</v>
      </c>
      <c r="Z4" s="12">
        <v>0.63124999999999876</v>
      </c>
      <c r="AA4" s="12">
        <v>0.67291666666666539</v>
      </c>
      <c r="AB4" s="11">
        <v>0.71458333333333179</v>
      </c>
      <c r="AC4" s="24">
        <v>0.75624999999999842</v>
      </c>
      <c r="AD4" s="10">
        <v>0.79791666666666661</v>
      </c>
    </row>
    <row r="5" spans="1:30" ht="21.95" customHeight="1" x14ac:dyDescent="0.15">
      <c r="A5" s="773"/>
      <c r="B5" s="87" t="s">
        <v>85</v>
      </c>
      <c r="C5" s="71">
        <v>0.29236111111111113</v>
      </c>
      <c r="D5" s="19">
        <v>0.32013888888888892</v>
      </c>
      <c r="E5" s="12">
        <v>0.37986111111111087</v>
      </c>
      <c r="F5" s="12">
        <v>0.42152777777777728</v>
      </c>
      <c r="G5" s="12">
        <v>0.46319444444444391</v>
      </c>
      <c r="H5" s="12">
        <v>0.50486111111111032</v>
      </c>
      <c r="I5" s="12">
        <v>0.54652777777777695</v>
      </c>
      <c r="J5" s="12">
        <v>0.58819444444444335</v>
      </c>
      <c r="K5" s="12">
        <v>0.62986111111110998</v>
      </c>
      <c r="L5" s="11">
        <v>0.67152777777777639</v>
      </c>
      <c r="M5" s="11">
        <v>0.71319444444444302</v>
      </c>
      <c r="N5" s="11">
        <v>0.75486111111111109</v>
      </c>
      <c r="O5" s="187"/>
      <c r="P5" s="773"/>
      <c r="Q5" s="72" t="s">
        <v>86</v>
      </c>
      <c r="R5" s="19" t="s">
        <v>19</v>
      </c>
      <c r="S5" s="11" t="s">
        <v>19</v>
      </c>
      <c r="T5" s="11" t="s">
        <v>19</v>
      </c>
      <c r="U5" s="12" t="s">
        <v>19</v>
      </c>
      <c r="V5" s="12" t="s">
        <v>19</v>
      </c>
      <c r="W5" s="12" t="s">
        <v>19</v>
      </c>
      <c r="X5" s="12" t="s">
        <v>19</v>
      </c>
      <c r="Y5" s="12" t="s">
        <v>19</v>
      </c>
      <c r="Z5" s="12" t="s">
        <v>19</v>
      </c>
      <c r="AA5" s="12" t="s">
        <v>19</v>
      </c>
      <c r="AB5" s="14" t="s">
        <v>19</v>
      </c>
      <c r="AC5" s="73">
        <v>0.7583333333333333</v>
      </c>
      <c r="AD5" s="33">
        <v>0.79999999999999993</v>
      </c>
    </row>
    <row r="6" spans="1:30" ht="21.95" customHeight="1" x14ac:dyDescent="0.15">
      <c r="A6" s="773"/>
      <c r="B6" s="87" t="s">
        <v>87</v>
      </c>
      <c r="C6" s="71">
        <v>0.29305555555555557</v>
      </c>
      <c r="D6" s="19">
        <v>0.32083333333333336</v>
      </c>
      <c r="E6" s="12">
        <v>0.38055555555555531</v>
      </c>
      <c r="F6" s="12">
        <v>0.42222222222222172</v>
      </c>
      <c r="G6" s="12">
        <v>0.46388888888888835</v>
      </c>
      <c r="H6" s="12">
        <v>0.50555555555555476</v>
      </c>
      <c r="I6" s="12">
        <v>0.54722222222222139</v>
      </c>
      <c r="J6" s="12">
        <v>0.5888888888888878</v>
      </c>
      <c r="K6" s="12">
        <v>0.63055555555555443</v>
      </c>
      <c r="L6" s="11">
        <v>0.67222222222222083</v>
      </c>
      <c r="M6" s="11">
        <v>0.71388888888888746</v>
      </c>
      <c r="N6" s="11">
        <v>0.75555555555555554</v>
      </c>
      <c r="O6" s="187"/>
      <c r="P6" s="773"/>
      <c r="Q6" s="72" t="s">
        <v>88</v>
      </c>
      <c r="R6" s="19" t="s">
        <v>19</v>
      </c>
      <c r="S6" s="11" t="s">
        <v>19</v>
      </c>
      <c r="T6" s="11" t="s">
        <v>19</v>
      </c>
      <c r="U6" s="12" t="s">
        <v>19</v>
      </c>
      <c r="V6" s="12" t="s">
        <v>19</v>
      </c>
      <c r="W6" s="12" t="s">
        <v>19</v>
      </c>
      <c r="X6" s="12" t="s">
        <v>19</v>
      </c>
      <c r="Y6" s="12" t="s">
        <v>19</v>
      </c>
      <c r="Z6" s="12" t="s">
        <v>19</v>
      </c>
      <c r="AA6" s="12" t="s">
        <v>19</v>
      </c>
      <c r="AB6" s="14" t="s">
        <v>19</v>
      </c>
      <c r="AC6" s="74">
        <v>0.75902777777777775</v>
      </c>
      <c r="AD6" s="35">
        <v>0.80069444444444438</v>
      </c>
    </row>
    <row r="7" spans="1:30" ht="21.95" customHeight="1" x14ac:dyDescent="0.15">
      <c r="A7" s="773"/>
      <c r="B7" s="87" t="s">
        <v>89</v>
      </c>
      <c r="C7" s="37">
        <v>0.29375000000000001</v>
      </c>
      <c r="D7" s="19">
        <v>0.3215277777777778</v>
      </c>
      <c r="E7" s="12">
        <v>0.38124999999999998</v>
      </c>
      <c r="F7" s="12">
        <v>0.42291666666666616</v>
      </c>
      <c r="G7" s="12">
        <v>0.46458333333333279</v>
      </c>
      <c r="H7" s="12">
        <v>0.5062499999999992</v>
      </c>
      <c r="I7" s="12">
        <v>0.54791666666666583</v>
      </c>
      <c r="J7" s="12">
        <v>0.58958333333333224</v>
      </c>
      <c r="K7" s="12">
        <v>0.63124999999999887</v>
      </c>
      <c r="L7" s="11">
        <v>0.67291666666666528</v>
      </c>
      <c r="M7" s="11">
        <v>0.7145833333333319</v>
      </c>
      <c r="N7" s="11">
        <v>0.75624999999999998</v>
      </c>
      <c r="O7" s="187"/>
      <c r="P7" s="773"/>
      <c r="Q7" s="72" t="s">
        <v>90</v>
      </c>
      <c r="R7" s="19">
        <v>0.30625000000000002</v>
      </c>
      <c r="S7" s="11">
        <v>0.34097222222222212</v>
      </c>
      <c r="T7" s="11">
        <v>0.38263888888888853</v>
      </c>
      <c r="U7" s="12">
        <v>0.42430555555555516</v>
      </c>
      <c r="V7" s="12">
        <v>0.46597222222222157</v>
      </c>
      <c r="W7" s="12">
        <v>0.5076388888888882</v>
      </c>
      <c r="X7" s="12">
        <v>0.5493055555555546</v>
      </c>
      <c r="Y7" s="12">
        <v>0.59097222222222123</v>
      </c>
      <c r="Z7" s="12">
        <v>0.63263888888888764</v>
      </c>
      <c r="AA7" s="12">
        <v>0.67430555555555427</v>
      </c>
      <c r="AB7" s="14">
        <v>0.71597222222222068</v>
      </c>
      <c r="AC7" s="74">
        <v>0.76041666666666663</v>
      </c>
      <c r="AD7" s="35">
        <v>0.80208333333333337</v>
      </c>
    </row>
    <row r="8" spans="1:30" ht="21.95" customHeight="1" x14ac:dyDescent="0.15">
      <c r="A8" s="773"/>
      <c r="B8" s="76" t="s">
        <v>91</v>
      </c>
      <c r="C8" s="37">
        <v>0.29444444444444445</v>
      </c>
      <c r="D8" s="19">
        <v>0.32222222222222224</v>
      </c>
      <c r="E8" s="12">
        <v>0.3819444444444442</v>
      </c>
      <c r="F8" s="12">
        <v>0.42361111111111061</v>
      </c>
      <c r="G8" s="12">
        <v>0.46527777777777724</v>
      </c>
      <c r="H8" s="12">
        <v>0.50694444444444364</v>
      </c>
      <c r="I8" s="12">
        <v>0.54861111111111027</v>
      </c>
      <c r="J8" s="12">
        <v>0.59027777777777668</v>
      </c>
      <c r="K8" s="12">
        <v>0.63194444444444331</v>
      </c>
      <c r="L8" s="11">
        <v>0.67361111111110972</v>
      </c>
      <c r="M8" s="11">
        <v>0.71527777777777635</v>
      </c>
      <c r="N8" s="11">
        <v>0.75694444444444453</v>
      </c>
      <c r="O8" s="187"/>
      <c r="P8" s="773"/>
      <c r="Q8" s="72" t="s">
        <v>92</v>
      </c>
      <c r="R8" s="19">
        <v>0.30694444444444435</v>
      </c>
      <c r="S8" s="11">
        <v>0.34166666666666656</v>
      </c>
      <c r="T8" s="11">
        <v>0.38333333333333297</v>
      </c>
      <c r="U8" s="12">
        <v>0.42499999999999999</v>
      </c>
      <c r="V8" s="12">
        <v>0.46666666666666601</v>
      </c>
      <c r="W8" s="12">
        <v>0.50833333333333264</v>
      </c>
      <c r="X8" s="12">
        <v>0.54999999999999905</v>
      </c>
      <c r="Y8" s="12">
        <v>0.59166666666666567</v>
      </c>
      <c r="Z8" s="12">
        <v>0.63333333333333208</v>
      </c>
      <c r="AA8" s="12">
        <v>0.67499999999999871</v>
      </c>
      <c r="AB8" s="14">
        <v>0.71666666666666512</v>
      </c>
      <c r="AC8" s="74">
        <v>0.76111111111111107</v>
      </c>
      <c r="AD8" s="35">
        <v>0.8027777777777777</v>
      </c>
    </row>
    <row r="9" spans="1:30" ht="21.95" customHeight="1" x14ac:dyDescent="0.15">
      <c r="A9" s="773"/>
      <c r="B9" s="77" t="s">
        <v>44</v>
      </c>
      <c r="C9" s="37">
        <v>0.2951388888888889</v>
      </c>
      <c r="D9" s="19">
        <v>0.32291666666666669</v>
      </c>
      <c r="E9" s="12">
        <v>0.38263888888888864</v>
      </c>
      <c r="F9" s="12">
        <v>0.42430555555555505</v>
      </c>
      <c r="G9" s="12">
        <v>0.46597222222222168</v>
      </c>
      <c r="H9" s="12">
        <v>0.50763888888888808</v>
      </c>
      <c r="I9" s="12">
        <v>0.54930555555555471</v>
      </c>
      <c r="J9" s="12">
        <v>0.59097222222222112</v>
      </c>
      <c r="K9" s="12">
        <v>0.63263888888888775</v>
      </c>
      <c r="L9" s="11">
        <v>0.67430555555555416</v>
      </c>
      <c r="M9" s="11">
        <v>0.71597222222222079</v>
      </c>
      <c r="N9" s="11">
        <v>0.75763888888888886</v>
      </c>
      <c r="O9" s="187"/>
      <c r="P9" s="773"/>
      <c r="Q9" s="72" t="s">
        <v>93</v>
      </c>
      <c r="R9" s="19">
        <v>0.3076388888888888</v>
      </c>
      <c r="S9" s="11">
        <v>0.34236111111111101</v>
      </c>
      <c r="T9" s="11">
        <v>0.38402777777777741</v>
      </c>
      <c r="U9" s="12">
        <v>0.42569444444444404</v>
      </c>
      <c r="V9" s="12">
        <v>0.46736111111111045</v>
      </c>
      <c r="W9" s="12">
        <v>0.50902777777777708</v>
      </c>
      <c r="X9" s="12">
        <v>0.55069444444444349</v>
      </c>
      <c r="Y9" s="12">
        <v>0.59236111111111012</v>
      </c>
      <c r="Z9" s="12">
        <v>0.63402777777777652</v>
      </c>
      <c r="AA9" s="12">
        <v>0.67569444444444315</v>
      </c>
      <c r="AB9" s="14">
        <v>0.71736111111110956</v>
      </c>
      <c r="AC9" s="74">
        <v>0.76180555555555562</v>
      </c>
      <c r="AD9" s="35">
        <v>0.80347222222222225</v>
      </c>
    </row>
    <row r="10" spans="1:30" ht="21.95" customHeight="1" x14ac:dyDescent="0.15">
      <c r="A10" s="773"/>
      <c r="B10" s="82" t="s">
        <v>46</v>
      </c>
      <c r="C10" s="37">
        <v>0.29583333333333334</v>
      </c>
      <c r="D10" s="19">
        <v>0.32361111111111113</v>
      </c>
      <c r="E10" s="707">
        <v>0.38333333333333308</v>
      </c>
      <c r="F10" s="12">
        <v>0.42499999999999999</v>
      </c>
      <c r="G10" s="12">
        <v>0.46666666666666612</v>
      </c>
      <c r="H10" s="12">
        <v>0.50833333333333253</v>
      </c>
      <c r="I10" s="12">
        <v>0.54999999999999916</v>
      </c>
      <c r="J10" s="12">
        <v>0.59166666666666556</v>
      </c>
      <c r="K10" s="12">
        <v>0.63333333333333219</v>
      </c>
      <c r="L10" s="11">
        <v>0.6749999999999986</v>
      </c>
      <c r="M10" s="11">
        <v>0.71666666666666523</v>
      </c>
      <c r="N10" s="11">
        <v>0.7583333333333333</v>
      </c>
      <c r="O10" s="187"/>
      <c r="P10" s="773"/>
      <c r="Q10" s="72" t="s">
        <v>94</v>
      </c>
      <c r="R10" s="19">
        <v>0.30833333333333324</v>
      </c>
      <c r="S10" s="11">
        <v>0.34305555555555545</v>
      </c>
      <c r="T10" s="11">
        <v>0.38472222222222185</v>
      </c>
      <c r="U10" s="12">
        <v>0.42638888888888848</v>
      </c>
      <c r="V10" s="12">
        <v>0.46805555555555489</v>
      </c>
      <c r="W10" s="12">
        <v>0.50972222222222152</v>
      </c>
      <c r="X10" s="12">
        <v>0.55138888888888793</v>
      </c>
      <c r="Y10" s="12">
        <v>0.59305555555555456</v>
      </c>
      <c r="Z10" s="12">
        <v>0.63472222222222097</v>
      </c>
      <c r="AA10" s="12">
        <v>0.6763888888888876</v>
      </c>
      <c r="AB10" s="14">
        <v>0.718055555555554</v>
      </c>
      <c r="AC10" s="74">
        <v>0.76250000000000007</v>
      </c>
      <c r="AD10" s="35">
        <v>0.8041666666666667</v>
      </c>
    </row>
    <row r="11" spans="1:30" ht="21.95" customHeight="1" x14ac:dyDescent="0.15">
      <c r="A11" s="773"/>
      <c r="B11" s="87" t="s">
        <v>95</v>
      </c>
      <c r="C11" s="37">
        <v>0.29652777777777778</v>
      </c>
      <c r="D11" s="19">
        <v>0.32430555555555557</v>
      </c>
      <c r="E11" s="12">
        <v>0.38402777777777752</v>
      </c>
      <c r="F11" s="12">
        <v>0.42569444444444393</v>
      </c>
      <c r="G11" s="12">
        <v>0.46736111111111056</v>
      </c>
      <c r="H11" s="12">
        <v>0.50902777777777697</v>
      </c>
      <c r="I11" s="12">
        <v>0.5506944444444436</v>
      </c>
      <c r="J11" s="12">
        <v>0.59236111111111001</v>
      </c>
      <c r="K11" s="12">
        <v>0.63402777777777664</v>
      </c>
      <c r="L11" s="11">
        <v>0.67569444444444304</v>
      </c>
      <c r="M11" s="11">
        <v>0.71736111111110967</v>
      </c>
      <c r="N11" s="11">
        <v>0.75902777777777775</v>
      </c>
      <c r="O11" s="187"/>
      <c r="P11" s="773"/>
      <c r="Q11" s="473" t="s">
        <v>96</v>
      </c>
      <c r="R11" s="19">
        <v>0.30902777777777768</v>
      </c>
      <c r="S11" s="11">
        <v>0.34375</v>
      </c>
      <c r="T11" s="11">
        <v>0.3854166666666663</v>
      </c>
      <c r="U11" s="12">
        <v>0.42708333333333293</v>
      </c>
      <c r="V11" s="12">
        <v>0.46874999999999933</v>
      </c>
      <c r="W11" s="12">
        <v>0.51041666666666596</v>
      </c>
      <c r="X11" s="12">
        <v>0.55208333333333237</v>
      </c>
      <c r="Y11" s="12">
        <v>0.593749999999999</v>
      </c>
      <c r="Z11" s="12">
        <v>0.63541666666666541</v>
      </c>
      <c r="AA11" s="12">
        <v>0.67708333333333204</v>
      </c>
      <c r="AB11" s="14">
        <v>0.71874999999999845</v>
      </c>
      <c r="AC11" s="74">
        <v>0.7631944444444444</v>
      </c>
      <c r="AD11" s="35">
        <v>0.80486111111111114</v>
      </c>
    </row>
    <row r="12" spans="1:30" ht="21.95" customHeight="1" x14ac:dyDescent="0.15">
      <c r="A12" s="773"/>
      <c r="B12" s="87" t="s">
        <v>97</v>
      </c>
      <c r="C12" s="37">
        <v>0.29722222222222222</v>
      </c>
      <c r="D12" s="19">
        <v>0.32500000000000001</v>
      </c>
      <c r="E12" s="12">
        <v>0.38472222222222197</v>
      </c>
      <c r="F12" s="12">
        <v>0.42638888888888837</v>
      </c>
      <c r="G12" s="12">
        <v>0.468055555555555</v>
      </c>
      <c r="H12" s="12">
        <v>0.50972222222222141</v>
      </c>
      <c r="I12" s="12">
        <v>0.55138888888888804</v>
      </c>
      <c r="J12" s="12">
        <v>0.59305555555555445</v>
      </c>
      <c r="K12" s="12">
        <v>0.63472222222222108</v>
      </c>
      <c r="L12" s="11">
        <v>0.67638888888888749</v>
      </c>
      <c r="M12" s="11">
        <v>0.71805555555555411</v>
      </c>
      <c r="N12" s="11">
        <v>0.7597222222222223</v>
      </c>
      <c r="O12" s="187"/>
      <c r="P12" s="773"/>
      <c r="Q12" s="72" t="s">
        <v>98</v>
      </c>
      <c r="R12" s="19">
        <v>0.31041666666666656</v>
      </c>
      <c r="S12" s="11">
        <v>0.34513888888888877</v>
      </c>
      <c r="T12" s="11">
        <v>0.38680555555555518</v>
      </c>
      <c r="U12" s="12">
        <v>0.42847222222222181</v>
      </c>
      <c r="V12" s="12">
        <v>0.47013888888888822</v>
      </c>
      <c r="W12" s="12">
        <v>0.51180555555555485</v>
      </c>
      <c r="X12" s="12">
        <v>0.55347222222222126</v>
      </c>
      <c r="Y12" s="12">
        <v>0.59513888888888788</v>
      </c>
      <c r="Z12" s="12">
        <v>0.63680555555555429</v>
      </c>
      <c r="AA12" s="12">
        <v>0.67847222222222092</v>
      </c>
      <c r="AB12" s="14">
        <v>0.72013888888888733</v>
      </c>
      <c r="AC12" s="74">
        <v>0.76527777777777783</v>
      </c>
      <c r="AD12" s="35">
        <v>0.80694444444444446</v>
      </c>
    </row>
    <row r="13" spans="1:30" ht="21.95" customHeight="1" x14ac:dyDescent="0.15">
      <c r="A13" s="773"/>
      <c r="B13" s="87" t="s">
        <v>99</v>
      </c>
      <c r="C13" s="37">
        <v>0.29791666666666666</v>
      </c>
      <c r="D13" s="19">
        <v>0.32569444444444445</v>
      </c>
      <c r="E13" s="12">
        <v>0.38541666666666641</v>
      </c>
      <c r="F13" s="12">
        <v>0.42708333333333282</v>
      </c>
      <c r="G13" s="12">
        <v>0.46874999999999944</v>
      </c>
      <c r="H13" s="12">
        <v>0.51041666666666585</v>
      </c>
      <c r="I13" s="12">
        <v>0.55208333333333248</v>
      </c>
      <c r="J13" s="12">
        <v>0.59374999999999889</v>
      </c>
      <c r="K13" s="12">
        <v>0.63541666666666552</v>
      </c>
      <c r="L13" s="11">
        <v>0.67708333333333193</v>
      </c>
      <c r="M13" s="11">
        <v>0.71874999999999856</v>
      </c>
      <c r="N13" s="11">
        <v>0.76041666666666663</v>
      </c>
      <c r="O13" s="187"/>
      <c r="P13" s="773"/>
      <c r="Q13" s="72" t="s">
        <v>100</v>
      </c>
      <c r="R13" s="19">
        <v>0.31319444444444433</v>
      </c>
      <c r="S13" s="11">
        <v>0.34791666666666654</v>
      </c>
      <c r="T13" s="11">
        <v>0.38958333333333295</v>
      </c>
      <c r="U13" s="12">
        <v>0.43125000000000002</v>
      </c>
      <c r="V13" s="12">
        <v>0.47291666666666599</v>
      </c>
      <c r="W13" s="12">
        <v>0.51458333333333262</v>
      </c>
      <c r="X13" s="12">
        <v>0.55624999999999902</v>
      </c>
      <c r="Y13" s="12">
        <v>0.59791666666666565</v>
      </c>
      <c r="Z13" s="12">
        <v>0.63958333333333206</v>
      </c>
      <c r="AA13" s="12">
        <v>0.68124999999999869</v>
      </c>
      <c r="AB13" s="14">
        <v>0.7229166666666651</v>
      </c>
      <c r="AC13" s="78" t="s">
        <v>19</v>
      </c>
      <c r="AD13" s="40" t="s">
        <v>19</v>
      </c>
    </row>
    <row r="14" spans="1:30" ht="21.95" customHeight="1" x14ac:dyDescent="0.15">
      <c r="A14" s="773"/>
      <c r="B14" s="87" t="s">
        <v>101</v>
      </c>
      <c r="C14" s="37">
        <v>0.2986111111111111</v>
      </c>
      <c r="D14" s="19">
        <v>0.3263888888888889</v>
      </c>
      <c r="E14" s="12">
        <v>0.38611111111111085</v>
      </c>
      <c r="F14" s="12">
        <v>0.42777777777777726</v>
      </c>
      <c r="G14" s="12">
        <v>0.46944444444444389</v>
      </c>
      <c r="H14" s="12">
        <v>0.51111111111111029</v>
      </c>
      <c r="I14" s="12">
        <v>0.55277777777777692</v>
      </c>
      <c r="J14" s="12">
        <v>0.59444444444444333</v>
      </c>
      <c r="K14" s="12">
        <v>0.63611111111110996</v>
      </c>
      <c r="L14" s="11">
        <v>0.67777777777777637</v>
      </c>
      <c r="M14" s="11">
        <v>0.719444444444443</v>
      </c>
      <c r="N14" s="11">
        <v>0.76111111111111107</v>
      </c>
      <c r="O14" s="187"/>
      <c r="P14" s="773"/>
      <c r="Q14" s="641" t="s">
        <v>102</v>
      </c>
      <c r="R14" s="11">
        <v>0.31527777777777766</v>
      </c>
      <c r="S14" s="11">
        <v>0.35</v>
      </c>
      <c r="T14" s="11">
        <v>0.39166666666666627</v>
      </c>
      <c r="U14" s="12">
        <v>0.4333333333333329</v>
      </c>
      <c r="V14" s="12">
        <v>0.47499999999999931</v>
      </c>
      <c r="W14" s="12">
        <v>0.51666666666666594</v>
      </c>
      <c r="X14" s="12">
        <v>0.55833333333333235</v>
      </c>
      <c r="Y14" s="12">
        <v>0.59999999999999898</v>
      </c>
      <c r="Z14" s="12">
        <v>0.64166666666666539</v>
      </c>
      <c r="AA14" s="12">
        <v>0.68333333333333202</v>
      </c>
      <c r="AB14" s="11">
        <v>0.72499999999999842</v>
      </c>
      <c r="AC14" s="79">
        <v>0.76666666666666505</v>
      </c>
      <c r="AD14" s="32">
        <v>0.80833333333333324</v>
      </c>
    </row>
    <row r="15" spans="1:30" ht="21.95" customHeight="1" x14ac:dyDescent="0.15">
      <c r="A15" s="773"/>
      <c r="B15" s="87" t="s">
        <v>103</v>
      </c>
      <c r="C15" s="37">
        <v>0.29930555555555555</v>
      </c>
      <c r="D15" s="19">
        <v>0.32708333333333334</v>
      </c>
      <c r="E15" s="12">
        <v>0.38680555555555529</v>
      </c>
      <c r="F15" s="12">
        <v>0.4284722222222217</v>
      </c>
      <c r="G15" s="12">
        <v>0.47013888888888833</v>
      </c>
      <c r="H15" s="12">
        <v>0.51180555555555474</v>
      </c>
      <c r="I15" s="12">
        <v>0.55347222222222137</v>
      </c>
      <c r="J15" s="12">
        <v>0.59513888888888777</v>
      </c>
      <c r="K15" s="12">
        <v>0.6368055555555544</v>
      </c>
      <c r="L15" s="11">
        <v>0.67847222222222081</v>
      </c>
      <c r="M15" s="11">
        <v>0.72013888888888744</v>
      </c>
      <c r="N15" s="11">
        <v>0.76180555555555562</v>
      </c>
      <c r="O15" s="187"/>
      <c r="P15" s="773"/>
      <c r="Q15" s="72" t="s">
        <v>104</v>
      </c>
      <c r="R15" s="11" t="s">
        <v>21</v>
      </c>
      <c r="S15" s="11">
        <v>0.35138888888888892</v>
      </c>
      <c r="T15" s="11">
        <v>0.39305555555555555</v>
      </c>
      <c r="U15" s="12">
        <v>0.43472222222222223</v>
      </c>
      <c r="V15" s="12">
        <v>0.47638888888888892</v>
      </c>
      <c r="W15" s="12">
        <v>0.5180555555555556</v>
      </c>
      <c r="X15" s="12">
        <v>0.55972222222222223</v>
      </c>
      <c r="Y15" s="12">
        <v>0.60138888888888886</v>
      </c>
      <c r="Z15" s="12">
        <v>0.6430555555555556</v>
      </c>
      <c r="AA15" s="12">
        <v>0.68472222222222223</v>
      </c>
      <c r="AB15" s="11">
        <v>0.72638888888888886</v>
      </c>
      <c r="AC15" s="14">
        <v>0.7680555555555556</v>
      </c>
      <c r="AD15" s="11">
        <v>0.80972222222222223</v>
      </c>
    </row>
    <row r="16" spans="1:30" ht="21.95" customHeight="1" x14ac:dyDescent="0.15">
      <c r="A16" s="773"/>
      <c r="B16" s="87" t="s">
        <v>105</v>
      </c>
      <c r="C16" s="37">
        <v>0.3</v>
      </c>
      <c r="D16" s="19">
        <v>0.32777777777777778</v>
      </c>
      <c r="E16" s="12">
        <v>0.38750000000000001</v>
      </c>
      <c r="F16" s="12">
        <v>0.42916666666666614</v>
      </c>
      <c r="G16" s="12">
        <v>0.47083333333333277</v>
      </c>
      <c r="H16" s="12">
        <v>0.51249999999999918</v>
      </c>
      <c r="I16" s="12">
        <v>0.55416666666666581</v>
      </c>
      <c r="J16" s="12">
        <v>0.59583333333333222</v>
      </c>
      <c r="K16" s="12">
        <v>0.63749999999999885</v>
      </c>
      <c r="L16" s="11">
        <v>0.67916666666666525</v>
      </c>
      <c r="M16" s="11">
        <v>0.72083333333333188</v>
      </c>
      <c r="N16" s="11">
        <v>0.76250000000000007</v>
      </c>
      <c r="O16" s="187"/>
      <c r="P16" s="773"/>
      <c r="Q16" s="72" t="s">
        <v>106</v>
      </c>
      <c r="R16" s="11" t="s">
        <v>21</v>
      </c>
      <c r="S16" s="11">
        <v>0.35208333333333319</v>
      </c>
      <c r="T16" s="11">
        <v>0.39374999999999999</v>
      </c>
      <c r="U16" s="12">
        <v>0.43541666666666623</v>
      </c>
      <c r="V16" s="12">
        <v>0.47708333333333264</v>
      </c>
      <c r="W16" s="12">
        <v>0.51874999999999927</v>
      </c>
      <c r="X16" s="12">
        <v>0.56041666666666567</v>
      </c>
      <c r="Y16" s="12">
        <v>0.6020833333333323</v>
      </c>
      <c r="Z16" s="12">
        <v>0.64374999999999871</v>
      </c>
      <c r="AA16" s="12">
        <v>0.68541666666666534</v>
      </c>
      <c r="AB16" s="11">
        <v>0.72708333333333175</v>
      </c>
      <c r="AC16" s="14">
        <v>0.76874999999999838</v>
      </c>
      <c r="AD16" s="11">
        <v>0.81041666666666667</v>
      </c>
    </row>
    <row r="17" spans="1:30" ht="21.95" customHeight="1" x14ac:dyDescent="0.15">
      <c r="A17" s="773"/>
      <c r="B17" s="87" t="s">
        <v>107</v>
      </c>
      <c r="C17" s="37">
        <v>0.30069444444444443</v>
      </c>
      <c r="D17" s="19">
        <v>0.32847222222222222</v>
      </c>
      <c r="E17" s="12">
        <v>0.38819444444444418</v>
      </c>
      <c r="F17" s="12">
        <v>0.42986111111111058</v>
      </c>
      <c r="G17" s="12">
        <v>0.47152777777777721</v>
      </c>
      <c r="H17" s="12">
        <v>0.51319444444444362</v>
      </c>
      <c r="I17" s="12">
        <v>0.55486111111111025</v>
      </c>
      <c r="J17" s="12">
        <v>0.59652777777777666</v>
      </c>
      <c r="K17" s="12">
        <v>0.63819444444444329</v>
      </c>
      <c r="L17" s="11">
        <v>0.67986111111110969</v>
      </c>
      <c r="M17" s="11">
        <v>0.72152777777777632</v>
      </c>
      <c r="N17" s="11">
        <v>0.7631944444444444</v>
      </c>
      <c r="O17" s="187"/>
      <c r="P17" s="773"/>
      <c r="Q17" s="72" t="s">
        <v>108</v>
      </c>
      <c r="R17" s="11">
        <v>0.31666666666666654</v>
      </c>
      <c r="S17" s="11">
        <v>0.35347222222222208</v>
      </c>
      <c r="T17" s="11">
        <v>0.39513888888888848</v>
      </c>
      <c r="U17" s="12">
        <v>0.43680555555555511</v>
      </c>
      <c r="V17" s="12">
        <v>0.47847222222222152</v>
      </c>
      <c r="W17" s="12">
        <v>0.52013888888888815</v>
      </c>
      <c r="X17" s="12">
        <v>0.56180555555555456</v>
      </c>
      <c r="Y17" s="12">
        <v>0.60347222222222119</v>
      </c>
      <c r="Z17" s="12">
        <v>0.6451388888888876</v>
      </c>
      <c r="AA17" s="12">
        <v>0.68680555555555423</v>
      </c>
      <c r="AB17" s="11">
        <v>0.72847222222222063</v>
      </c>
      <c r="AC17" s="14">
        <v>0.77013888888888726</v>
      </c>
      <c r="AD17" s="11">
        <v>0.81180555555555556</v>
      </c>
    </row>
    <row r="18" spans="1:30" ht="21.95" customHeight="1" x14ac:dyDescent="0.15">
      <c r="A18" s="773"/>
      <c r="B18" s="87" t="s">
        <v>109</v>
      </c>
      <c r="C18" s="37">
        <v>0.30138888888888887</v>
      </c>
      <c r="D18" s="19">
        <v>0.32916666666666666</v>
      </c>
      <c r="E18" s="12">
        <v>0.38888888888888862</v>
      </c>
      <c r="F18" s="12">
        <v>0.43055555555555503</v>
      </c>
      <c r="G18" s="12">
        <v>0.47222222222222165</v>
      </c>
      <c r="H18" s="12">
        <v>0.51388888888888806</v>
      </c>
      <c r="I18" s="12">
        <v>0.55555555555555469</v>
      </c>
      <c r="J18" s="12">
        <v>0.5972222222222211</v>
      </c>
      <c r="K18" s="12">
        <v>0.63888888888888773</v>
      </c>
      <c r="L18" s="11">
        <v>0.68055555555555414</v>
      </c>
      <c r="M18" s="11">
        <v>0.72222222222222077</v>
      </c>
      <c r="N18" s="11">
        <v>0.76388888888888884</v>
      </c>
      <c r="O18" s="187"/>
      <c r="P18" s="773"/>
      <c r="Q18" s="72" t="s">
        <v>110</v>
      </c>
      <c r="R18" s="11">
        <v>0.31666666666666654</v>
      </c>
      <c r="S18" s="11">
        <v>0.35347222222222208</v>
      </c>
      <c r="T18" s="11">
        <v>0.39513888888888848</v>
      </c>
      <c r="U18" s="12">
        <v>0.43680555555555511</v>
      </c>
      <c r="V18" s="12">
        <v>0.47847222222222152</v>
      </c>
      <c r="W18" s="12">
        <v>0.52013888888888815</v>
      </c>
      <c r="X18" s="12">
        <v>0.56180555555555456</v>
      </c>
      <c r="Y18" s="12">
        <v>0.60347222222222119</v>
      </c>
      <c r="Z18" s="12">
        <v>0.6451388888888876</v>
      </c>
      <c r="AA18" s="12">
        <v>0.68680555555555423</v>
      </c>
      <c r="AB18" s="11">
        <v>0.72847222222222063</v>
      </c>
      <c r="AC18" s="14">
        <v>0.77013888888888726</v>
      </c>
      <c r="AD18" s="11">
        <v>0.81180555555555556</v>
      </c>
    </row>
    <row r="19" spans="1:30" ht="21.95" customHeight="1" x14ac:dyDescent="0.15">
      <c r="A19" s="773"/>
      <c r="B19" s="80" t="s">
        <v>111</v>
      </c>
      <c r="C19" s="37">
        <v>0.3034722222222222</v>
      </c>
      <c r="D19" s="19">
        <v>0.33124999999999999</v>
      </c>
      <c r="E19" s="12">
        <v>0.39097222222222194</v>
      </c>
      <c r="F19" s="12">
        <v>0.43263888888888835</v>
      </c>
      <c r="G19" s="12">
        <v>0.47430555555555498</v>
      </c>
      <c r="H19" s="12">
        <v>0.51597222222222139</v>
      </c>
      <c r="I19" s="12">
        <v>0.55763888888888802</v>
      </c>
      <c r="J19" s="12">
        <v>0.59930555555555443</v>
      </c>
      <c r="K19" s="12">
        <v>0.64097222222222106</v>
      </c>
      <c r="L19" s="11">
        <v>0.68263888888888746</v>
      </c>
      <c r="M19" s="11">
        <v>0.72430555555555409</v>
      </c>
      <c r="N19" s="11">
        <v>0.76597222222222217</v>
      </c>
      <c r="O19" s="187"/>
      <c r="P19" s="773"/>
      <c r="Q19" s="72" t="s">
        <v>112</v>
      </c>
      <c r="R19" s="11">
        <v>0.31736111111111098</v>
      </c>
      <c r="S19" s="11">
        <v>0.35416666666666652</v>
      </c>
      <c r="T19" s="11">
        <v>0.39583333333333293</v>
      </c>
      <c r="U19" s="12">
        <v>0.4375</v>
      </c>
      <c r="V19" s="12">
        <v>0.47916666666666596</v>
      </c>
      <c r="W19" s="12">
        <v>0.52083333333333259</v>
      </c>
      <c r="X19" s="12">
        <v>0.562499999999999</v>
      </c>
      <c r="Y19" s="12">
        <v>0.60416666666666563</v>
      </c>
      <c r="Z19" s="12">
        <v>0.64583333333333204</v>
      </c>
      <c r="AA19" s="12">
        <v>0.68749999999999867</v>
      </c>
      <c r="AB19" s="11">
        <v>0.72916666666666508</v>
      </c>
      <c r="AC19" s="14">
        <v>0.77083333333333171</v>
      </c>
      <c r="AD19" s="11">
        <v>0.8125</v>
      </c>
    </row>
    <row r="20" spans="1:30" ht="21.95" customHeight="1" x14ac:dyDescent="0.15">
      <c r="A20" s="773"/>
      <c r="B20" s="87" t="s">
        <v>113</v>
      </c>
      <c r="C20" s="37">
        <v>0.30555555555555552</v>
      </c>
      <c r="D20" s="19">
        <v>0.33333333333333331</v>
      </c>
      <c r="E20" s="12">
        <v>0.39305555555555555</v>
      </c>
      <c r="F20" s="12">
        <v>0.43472222222222223</v>
      </c>
      <c r="G20" s="12">
        <v>0.47638888888888892</v>
      </c>
      <c r="H20" s="12">
        <v>0.5180555555555556</v>
      </c>
      <c r="I20" s="12">
        <v>0.55972222222222223</v>
      </c>
      <c r="J20" s="12">
        <v>0.60138888888888886</v>
      </c>
      <c r="K20" s="12">
        <v>0.6430555555555556</v>
      </c>
      <c r="L20" s="11">
        <v>0.68472222222222223</v>
      </c>
      <c r="M20" s="11">
        <v>0.72638888888888886</v>
      </c>
      <c r="N20" s="11">
        <v>0.7680555555555556</v>
      </c>
      <c r="O20" s="187"/>
      <c r="P20" s="773"/>
      <c r="Q20" s="72" t="s">
        <v>114</v>
      </c>
      <c r="R20" s="11">
        <v>0.31805555555555542</v>
      </c>
      <c r="S20" s="11">
        <v>0.35486111111111096</v>
      </c>
      <c r="T20" s="11">
        <v>0.39652777777777737</v>
      </c>
      <c r="U20" s="12">
        <v>0.438194444444444</v>
      </c>
      <c r="V20" s="12">
        <v>0.47986111111111041</v>
      </c>
      <c r="W20" s="12">
        <v>0.52152777777777704</v>
      </c>
      <c r="X20" s="12">
        <v>0.56319444444444344</v>
      </c>
      <c r="Y20" s="12">
        <v>0.60486111111111007</v>
      </c>
      <c r="Z20" s="12">
        <v>0.64652777777777648</v>
      </c>
      <c r="AA20" s="12">
        <v>0.68819444444444311</v>
      </c>
      <c r="AB20" s="11">
        <v>0.72986111111110952</v>
      </c>
      <c r="AC20" s="14">
        <v>0.77152777777777615</v>
      </c>
      <c r="AD20" s="11">
        <v>0.81319444444444444</v>
      </c>
    </row>
    <row r="21" spans="1:30" ht="21.95" customHeight="1" x14ac:dyDescent="0.15">
      <c r="A21" s="773"/>
      <c r="B21" s="81" t="s">
        <v>53</v>
      </c>
      <c r="C21" s="37">
        <v>0.30694444444444441</v>
      </c>
      <c r="D21" s="19">
        <v>0.3347222222222222</v>
      </c>
      <c r="E21" s="12">
        <v>0.39444444444444415</v>
      </c>
      <c r="F21" s="12">
        <v>0.43611111111111056</v>
      </c>
      <c r="G21" s="12">
        <v>0.47777777777777719</v>
      </c>
      <c r="H21" s="12">
        <v>0.5194444444444436</v>
      </c>
      <c r="I21" s="12">
        <v>0.56111111111111023</v>
      </c>
      <c r="J21" s="12">
        <v>0.60277777777777664</v>
      </c>
      <c r="K21" s="12">
        <v>0.64444444444444327</v>
      </c>
      <c r="L21" s="11">
        <v>0.68611111111110967</v>
      </c>
      <c r="M21" s="11">
        <v>0.7277777777777763</v>
      </c>
      <c r="N21" s="11">
        <v>0.76944444444444438</v>
      </c>
      <c r="O21" s="187"/>
      <c r="P21" s="773"/>
      <c r="Q21" s="473" t="s">
        <v>115</v>
      </c>
      <c r="R21" s="11">
        <v>0.31874999999999998</v>
      </c>
      <c r="S21" s="11">
        <v>0.3555555555555554</v>
      </c>
      <c r="T21" s="11">
        <v>0.39722222222222181</v>
      </c>
      <c r="U21" s="12">
        <v>0.43888888888888844</v>
      </c>
      <c r="V21" s="12">
        <v>0.48055555555555485</v>
      </c>
      <c r="W21" s="12">
        <v>0.52222222222222148</v>
      </c>
      <c r="X21" s="12">
        <v>0.56388888888888788</v>
      </c>
      <c r="Y21" s="12">
        <v>0.60555555555555451</v>
      </c>
      <c r="Z21" s="12">
        <v>0.64722222222222092</v>
      </c>
      <c r="AA21" s="12">
        <v>0.68888888888888755</v>
      </c>
      <c r="AB21" s="11">
        <v>0.73055555555555396</v>
      </c>
      <c r="AC21" s="14">
        <v>0.77222222222222059</v>
      </c>
      <c r="AD21" s="11">
        <v>0.81388888888888899</v>
      </c>
    </row>
    <row r="22" spans="1:30" ht="21.95" customHeight="1" x14ac:dyDescent="0.15">
      <c r="A22" s="773"/>
      <c r="B22" s="82" t="s">
        <v>885</v>
      </c>
      <c r="C22" s="37">
        <v>0.31041666666666667</v>
      </c>
      <c r="D22" s="19">
        <v>0.33819444444444446</v>
      </c>
      <c r="E22" s="12">
        <v>0.39930555555555525</v>
      </c>
      <c r="F22" s="12">
        <v>0.44097222222222165</v>
      </c>
      <c r="G22" s="12">
        <v>0.48263888888888828</v>
      </c>
      <c r="H22" s="12">
        <v>0.52430555555555469</v>
      </c>
      <c r="I22" s="12">
        <v>0.56597222222222132</v>
      </c>
      <c r="J22" s="12">
        <v>0.60763888888888773</v>
      </c>
      <c r="K22" s="12">
        <v>0.64930555555555436</v>
      </c>
      <c r="L22" s="11">
        <v>0.69097222222222077</v>
      </c>
      <c r="M22" s="11">
        <v>0.7326388888888874</v>
      </c>
      <c r="N22" s="11">
        <v>0.77430555555555547</v>
      </c>
      <c r="O22" s="187"/>
      <c r="P22" s="773"/>
      <c r="Q22" s="77" t="s">
        <v>116</v>
      </c>
      <c r="R22" s="19">
        <v>0.31944444444444431</v>
      </c>
      <c r="S22" s="11">
        <v>0.35625000000000001</v>
      </c>
      <c r="T22" s="11">
        <v>0.39791666666666625</v>
      </c>
      <c r="U22" s="12">
        <v>0.43958333333333288</v>
      </c>
      <c r="V22" s="12">
        <v>0.48124999999999929</v>
      </c>
      <c r="W22" s="12">
        <v>0.52291666666666592</v>
      </c>
      <c r="X22" s="12">
        <v>0.56458333333333233</v>
      </c>
      <c r="Y22" s="12">
        <v>0.60624999999999896</v>
      </c>
      <c r="Z22" s="12">
        <v>0.64791666666666536</v>
      </c>
      <c r="AA22" s="12">
        <v>0.68958333333333199</v>
      </c>
      <c r="AB22" s="11">
        <v>0.7312499999999984</v>
      </c>
      <c r="AC22" s="14">
        <v>0.77291666666666503</v>
      </c>
      <c r="AD22" s="11">
        <v>0.81458333333333333</v>
      </c>
    </row>
    <row r="23" spans="1:30" ht="21.95" customHeight="1" x14ac:dyDescent="0.15">
      <c r="A23" s="773"/>
      <c r="B23" s="87" t="s">
        <v>51</v>
      </c>
      <c r="C23" s="37">
        <v>0.31180555555555556</v>
      </c>
      <c r="D23" s="19">
        <v>0.33958333333333335</v>
      </c>
      <c r="E23" s="12">
        <v>0.40069444444444413</v>
      </c>
      <c r="F23" s="12">
        <v>0.44236111111111054</v>
      </c>
      <c r="G23" s="12">
        <v>0.48402777777777717</v>
      </c>
      <c r="H23" s="12">
        <v>0.52569444444444358</v>
      </c>
      <c r="I23" s="12">
        <v>0.56736111111111021</v>
      </c>
      <c r="J23" s="12">
        <v>0.60902777777777661</v>
      </c>
      <c r="K23" s="12">
        <v>0.65069444444444324</v>
      </c>
      <c r="L23" s="11">
        <v>0.69236111111110965</v>
      </c>
      <c r="M23" s="11">
        <v>0.73402777777777628</v>
      </c>
      <c r="N23" s="11">
        <v>0.77569444444444446</v>
      </c>
      <c r="O23" s="187"/>
      <c r="P23" s="773"/>
      <c r="Q23" s="641" t="s">
        <v>117</v>
      </c>
      <c r="R23" s="11">
        <v>0.32013888888888892</v>
      </c>
      <c r="S23" s="11">
        <v>0.35694444444444445</v>
      </c>
      <c r="T23" s="11">
        <v>0.39861111111111069</v>
      </c>
      <c r="U23" s="12">
        <v>0.44027777777777732</v>
      </c>
      <c r="V23" s="12">
        <v>0.48194444444444373</v>
      </c>
      <c r="W23" s="12">
        <v>0.52361111111111036</v>
      </c>
      <c r="X23" s="12">
        <v>0.56527777777777677</v>
      </c>
      <c r="Y23" s="12">
        <v>0.6069444444444434</v>
      </c>
      <c r="Z23" s="12">
        <v>0.64861111111110981</v>
      </c>
      <c r="AA23" s="12">
        <v>0.69027777777777644</v>
      </c>
      <c r="AB23" s="11">
        <v>0.73194444444444284</v>
      </c>
      <c r="AC23" s="14">
        <v>0.77361111111110947</v>
      </c>
      <c r="AD23" s="11">
        <v>0.81527777777777777</v>
      </c>
    </row>
    <row r="24" spans="1:30" ht="21.95" customHeight="1" x14ac:dyDescent="0.15">
      <c r="A24" s="773"/>
      <c r="B24" s="87" t="s">
        <v>49</v>
      </c>
      <c r="C24" s="37">
        <v>0.31180555555555556</v>
      </c>
      <c r="D24" s="19">
        <v>0.33958333333333335</v>
      </c>
      <c r="E24" s="12">
        <v>0.40069444444444413</v>
      </c>
      <c r="F24" s="12">
        <v>0.44236111111111054</v>
      </c>
      <c r="G24" s="12">
        <v>0.48402777777777717</v>
      </c>
      <c r="H24" s="12">
        <v>0.52569444444444358</v>
      </c>
      <c r="I24" s="12">
        <v>0.56736111111111021</v>
      </c>
      <c r="J24" s="12">
        <v>0.60902777777777661</v>
      </c>
      <c r="K24" s="12">
        <v>0.65069444444444324</v>
      </c>
      <c r="L24" s="11">
        <v>0.69236111111110965</v>
      </c>
      <c r="M24" s="11">
        <v>0.73402777777777628</v>
      </c>
      <c r="N24" s="11">
        <v>0.77569444444444446</v>
      </c>
      <c r="O24" s="187"/>
      <c r="P24" s="773"/>
      <c r="Q24" s="72" t="s">
        <v>49</v>
      </c>
      <c r="R24" s="11">
        <v>0.32152777777777763</v>
      </c>
      <c r="S24" s="11">
        <v>0.35833333333333317</v>
      </c>
      <c r="T24" s="11">
        <v>0.4</v>
      </c>
      <c r="U24" s="12">
        <v>0.44166666666666621</v>
      </c>
      <c r="V24" s="12">
        <v>0.48333333333333262</v>
      </c>
      <c r="W24" s="12">
        <v>0.52499999999999925</v>
      </c>
      <c r="X24" s="12">
        <v>0.56666666666666565</v>
      </c>
      <c r="Y24" s="12">
        <v>0.60833333333333228</v>
      </c>
      <c r="Z24" s="12">
        <v>0.64999999999999869</v>
      </c>
      <c r="AA24" s="12">
        <v>0.69166666666666532</v>
      </c>
      <c r="AB24" s="11">
        <v>0.73333333333333173</v>
      </c>
      <c r="AC24" s="14">
        <v>0.77499999999999836</v>
      </c>
      <c r="AD24" s="11">
        <v>0.81666666666666676</v>
      </c>
    </row>
    <row r="25" spans="1:30" ht="21.95" customHeight="1" x14ac:dyDescent="0.15">
      <c r="A25" s="773"/>
      <c r="B25" s="473" t="s">
        <v>117</v>
      </c>
      <c r="C25" s="37">
        <v>0.31319444444444444</v>
      </c>
      <c r="D25" s="19">
        <v>0.34097222222222223</v>
      </c>
      <c r="E25" s="12">
        <v>0.40208333333333302</v>
      </c>
      <c r="F25" s="12">
        <v>0.44374999999999942</v>
      </c>
      <c r="G25" s="12">
        <v>0.48541666666666605</v>
      </c>
      <c r="H25" s="12">
        <v>0.52708333333333246</v>
      </c>
      <c r="I25" s="12">
        <v>0.56874999999999909</v>
      </c>
      <c r="J25" s="12">
        <v>0.6104166666666655</v>
      </c>
      <c r="K25" s="12">
        <v>0.65208333333333213</v>
      </c>
      <c r="L25" s="11">
        <v>0.69374999999999853</v>
      </c>
      <c r="M25" s="11">
        <v>0.73541666666666516</v>
      </c>
      <c r="N25" s="11">
        <v>0.77708333333333324</v>
      </c>
      <c r="O25" s="187"/>
      <c r="P25" s="773"/>
      <c r="Q25" s="72" t="s">
        <v>51</v>
      </c>
      <c r="R25" s="11">
        <v>0.32222222222222208</v>
      </c>
      <c r="S25" s="11">
        <v>0.35902777777777761</v>
      </c>
      <c r="T25" s="11">
        <v>0.40069444444444402</v>
      </c>
      <c r="U25" s="12">
        <v>0.44236111111111065</v>
      </c>
      <c r="V25" s="12">
        <v>0.48402777777777706</v>
      </c>
      <c r="W25" s="12">
        <v>0.52569444444444369</v>
      </c>
      <c r="X25" s="12">
        <v>0.56736111111111009</v>
      </c>
      <c r="Y25" s="12">
        <v>0.60902777777777672</v>
      </c>
      <c r="Z25" s="12">
        <v>0.65069444444444313</v>
      </c>
      <c r="AA25" s="12">
        <v>0.69236111111110976</v>
      </c>
      <c r="AB25" s="11">
        <v>0.73402777777777617</v>
      </c>
      <c r="AC25" s="14">
        <v>0.7756944444444428</v>
      </c>
      <c r="AD25" s="11">
        <v>0.81736111111111109</v>
      </c>
    </row>
    <row r="26" spans="1:30" ht="21.95" customHeight="1" x14ac:dyDescent="0.15">
      <c r="A26" s="773"/>
      <c r="B26" s="77" t="s">
        <v>116</v>
      </c>
      <c r="C26" s="37">
        <v>0.31388888888888888</v>
      </c>
      <c r="D26" s="19">
        <v>0.34166666666666662</v>
      </c>
      <c r="E26" s="12">
        <v>0.40277777777777746</v>
      </c>
      <c r="F26" s="12">
        <v>0.44444444444444386</v>
      </c>
      <c r="G26" s="12">
        <v>0.48611111111111049</v>
      </c>
      <c r="H26" s="12">
        <v>0.5277777777777769</v>
      </c>
      <c r="I26" s="12">
        <v>0.56944444444444353</v>
      </c>
      <c r="J26" s="12">
        <v>0.61111111111110994</v>
      </c>
      <c r="K26" s="12">
        <v>0.65277777777777657</v>
      </c>
      <c r="L26" s="11">
        <v>0.69444444444444298</v>
      </c>
      <c r="M26" s="11">
        <v>0.73611111111110961</v>
      </c>
      <c r="N26" s="11">
        <v>0.77777777777777779</v>
      </c>
      <c r="O26" s="187"/>
      <c r="P26" s="773"/>
      <c r="Q26" s="76" t="s">
        <v>53</v>
      </c>
      <c r="R26" s="11">
        <v>0.32361111111111096</v>
      </c>
      <c r="S26" s="11">
        <v>0.3604166666666665</v>
      </c>
      <c r="T26" s="11">
        <v>0.4020833333333329</v>
      </c>
      <c r="U26" s="12">
        <v>0.44374999999999998</v>
      </c>
      <c r="V26" s="12">
        <v>0.48541666666666594</v>
      </c>
      <c r="W26" s="12">
        <v>0.52708333333333257</v>
      </c>
      <c r="X26" s="12">
        <v>0.56874999999999898</v>
      </c>
      <c r="Y26" s="12">
        <v>0.61041666666666561</v>
      </c>
      <c r="Z26" s="12">
        <v>0.65208333333333202</v>
      </c>
      <c r="AA26" s="12">
        <v>0.69374999999999865</v>
      </c>
      <c r="AB26" s="11">
        <v>0.73541666666666505</v>
      </c>
      <c r="AC26" s="14">
        <v>0.77708333333333168</v>
      </c>
      <c r="AD26" s="11">
        <v>0.81874999999999998</v>
      </c>
    </row>
    <row r="27" spans="1:30" ht="21.95" customHeight="1" x14ac:dyDescent="0.15">
      <c r="A27" s="773"/>
      <c r="B27" s="641" t="s">
        <v>115</v>
      </c>
      <c r="C27" s="37">
        <v>0.31458333333333333</v>
      </c>
      <c r="D27" s="19">
        <v>0.34236111111111112</v>
      </c>
      <c r="E27" s="12">
        <v>0.4034722222222219</v>
      </c>
      <c r="F27" s="12">
        <v>0.44513888888888831</v>
      </c>
      <c r="G27" s="12">
        <v>0.48680555555555494</v>
      </c>
      <c r="H27" s="12">
        <v>0.52847222222222134</v>
      </c>
      <c r="I27" s="12">
        <v>0.57013888888888797</v>
      </c>
      <c r="J27" s="12">
        <v>0.61180555555555438</v>
      </c>
      <c r="K27" s="12">
        <v>0.65347222222222101</v>
      </c>
      <c r="L27" s="11">
        <v>0.69513888888888742</v>
      </c>
      <c r="M27" s="11">
        <v>0.73680555555555405</v>
      </c>
      <c r="N27" s="11">
        <v>0.77847222222222223</v>
      </c>
      <c r="O27" s="187"/>
      <c r="P27" s="773"/>
      <c r="Q27" s="82" t="s">
        <v>885</v>
      </c>
      <c r="R27" s="11">
        <v>0.32361111111111096</v>
      </c>
      <c r="S27" s="11">
        <v>0.36388888888888871</v>
      </c>
      <c r="T27" s="11">
        <v>0.40555555555555511</v>
      </c>
      <c r="U27" s="12">
        <v>0.44722222222222174</v>
      </c>
      <c r="V27" s="12">
        <v>0.48888888888888815</v>
      </c>
      <c r="W27" s="12">
        <v>0.53055555555555478</v>
      </c>
      <c r="X27" s="12">
        <v>0.57222222222222119</v>
      </c>
      <c r="Y27" s="12">
        <v>0.61388888888888782</v>
      </c>
      <c r="Z27" s="12">
        <v>0.65555555555555423</v>
      </c>
      <c r="AA27" s="12">
        <v>0.69722222222222086</v>
      </c>
      <c r="AB27" s="11">
        <v>0.73888888888888726</v>
      </c>
      <c r="AC27" s="14">
        <v>0.78055555555555389</v>
      </c>
      <c r="AD27" s="11">
        <v>0.8222222222222223</v>
      </c>
    </row>
    <row r="28" spans="1:30" ht="21.95" customHeight="1" x14ac:dyDescent="0.15">
      <c r="A28" s="773"/>
      <c r="B28" s="87" t="s">
        <v>114</v>
      </c>
      <c r="C28" s="37">
        <v>0.31597222222222221</v>
      </c>
      <c r="D28" s="19">
        <v>0.34375</v>
      </c>
      <c r="E28" s="12">
        <v>0.40486111111111078</v>
      </c>
      <c r="F28" s="12">
        <v>0.44652777777777719</v>
      </c>
      <c r="G28" s="12">
        <v>0.48819444444444382</v>
      </c>
      <c r="H28" s="12">
        <v>0.52986111111111023</v>
      </c>
      <c r="I28" s="12">
        <v>0.57152777777777686</v>
      </c>
      <c r="J28" s="12">
        <v>0.61319444444444327</v>
      </c>
      <c r="K28" s="12">
        <v>0.65486111111110989</v>
      </c>
      <c r="L28" s="11">
        <v>0.6965277777777763</v>
      </c>
      <c r="M28" s="11">
        <v>0.73819444444444293</v>
      </c>
      <c r="N28" s="11">
        <v>0.77986111111111101</v>
      </c>
      <c r="O28" s="187"/>
      <c r="P28" s="773"/>
      <c r="Q28" s="87" t="s">
        <v>113</v>
      </c>
      <c r="R28" s="11">
        <v>0.32500000000000001</v>
      </c>
      <c r="S28" s="11">
        <v>0.36527777777777781</v>
      </c>
      <c r="T28" s="11">
        <v>0.4069444444444445</v>
      </c>
      <c r="U28" s="12">
        <v>0.44861111111111113</v>
      </c>
      <c r="V28" s="12">
        <v>0.49027777777777781</v>
      </c>
      <c r="W28" s="12">
        <v>0.53194444444444444</v>
      </c>
      <c r="X28" s="12">
        <v>0.57361111111111118</v>
      </c>
      <c r="Y28" s="12">
        <v>0.61527777777777781</v>
      </c>
      <c r="Z28" s="12">
        <v>0.65694444444444444</v>
      </c>
      <c r="AA28" s="12">
        <v>0.69861111111111107</v>
      </c>
      <c r="AB28" s="11">
        <v>0.7402777777777777</v>
      </c>
      <c r="AC28" s="14">
        <v>0.78194444444444444</v>
      </c>
      <c r="AD28" s="11">
        <v>0.82361111111111107</v>
      </c>
    </row>
    <row r="29" spans="1:30" ht="21.95" customHeight="1" x14ac:dyDescent="0.15">
      <c r="A29" s="773"/>
      <c r="B29" s="72" t="s">
        <v>112</v>
      </c>
      <c r="C29" s="37">
        <v>0.31666666666666665</v>
      </c>
      <c r="D29" s="19">
        <v>0.3444444444444445</v>
      </c>
      <c r="E29" s="12">
        <v>0.40555555555555522</v>
      </c>
      <c r="F29" s="12">
        <v>0.44722222222222163</v>
      </c>
      <c r="G29" s="12">
        <v>0.48888888888888826</v>
      </c>
      <c r="H29" s="12">
        <v>0.53055555555555467</v>
      </c>
      <c r="I29" s="12">
        <v>0.5722222222222213</v>
      </c>
      <c r="J29" s="12">
        <v>0.61388888888888771</v>
      </c>
      <c r="K29" s="12">
        <v>0.65555555555555434</v>
      </c>
      <c r="L29" s="11">
        <v>0.69722222222222074</v>
      </c>
      <c r="M29" s="11">
        <v>0.73888888888888737</v>
      </c>
      <c r="N29" s="11">
        <v>0.78055555555555556</v>
      </c>
      <c r="O29" s="187"/>
      <c r="P29" s="773"/>
      <c r="Q29" s="83" t="s">
        <v>111</v>
      </c>
      <c r="R29" s="11">
        <v>0.32708333333333317</v>
      </c>
      <c r="S29" s="11">
        <v>0.36736111111111092</v>
      </c>
      <c r="T29" s="11">
        <v>0.40902777777777732</v>
      </c>
      <c r="U29" s="12">
        <v>0.45069444444444395</v>
      </c>
      <c r="V29" s="12">
        <v>0.49236111111111036</v>
      </c>
      <c r="W29" s="12">
        <v>0.53402777777777699</v>
      </c>
      <c r="X29" s="12">
        <v>0.5756944444444434</v>
      </c>
      <c r="Y29" s="12">
        <v>0.61736111111111003</v>
      </c>
      <c r="Z29" s="12">
        <v>0.65902777777777644</v>
      </c>
      <c r="AA29" s="12">
        <v>0.70069444444444307</v>
      </c>
      <c r="AB29" s="11">
        <v>0.74236111111110947</v>
      </c>
      <c r="AC29" s="14">
        <v>0.7840277777777761</v>
      </c>
      <c r="AD29" s="11">
        <v>0.8256944444444444</v>
      </c>
    </row>
    <row r="30" spans="1:30" ht="21.95" customHeight="1" x14ac:dyDescent="0.15">
      <c r="A30" s="773"/>
      <c r="B30" s="72" t="s">
        <v>110</v>
      </c>
      <c r="C30" s="37">
        <v>0.31736111111111115</v>
      </c>
      <c r="D30" s="19">
        <v>0.34513888888888888</v>
      </c>
      <c r="E30" s="12">
        <v>0.40625</v>
      </c>
      <c r="F30" s="12">
        <v>0.44791666666666607</v>
      </c>
      <c r="G30" s="12">
        <v>0.4895833333333327</v>
      </c>
      <c r="H30" s="12">
        <v>0.53124999999999911</v>
      </c>
      <c r="I30" s="12">
        <v>0.57291666666666574</v>
      </c>
      <c r="J30" s="12">
        <v>0.61458333333333215</v>
      </c>
      <c r="K30" s="12">
        <v>0.65624999999999878</v>
      </c>
      <c r="L30" s="11">
        <v>0.69791666666666519</v>
      </c>
      <c r="M30" s="11">
        <v>0.73958333333333182</v>
      </c>
      <c r="N30" s="11">
        <v>0.78125</v>
      </c>
      <c r="O30" s="187"/>
      <c r="P30" s="772"/>
      <c r="Q30" s="87" t="s">
        <v>109</v>
      </c>
      <c r="R30" s="11">
        <v>0.3291666666666665</v>
      </c>
      <c r="S30" s="11">
        <v>0.36944444444444424</v>
      </c>
      <c r="T30" s="11">
        <v>0.41111111111111065</v>
      </c>
      <c r="U30" s="12">
        <v>0.45277777777777728</v>
      </c>
      <c r="V30" s="12">
        <v>0.49444444444444369</v>
      </c>
      <c r="W30" s="12">
        <v>0.53611111111111032</v>
      </c>
      <c r="X30" s="12">
        <v>0.57777777777777672</v>
      </c>
      <c r="Y30" s="12">
        <v>0.61944444444444335</v>
      </c>
      <c r="Z30" s="12">
        <v>0.66111111111110976</v>
      </c>
      <c r="AA30" s="12">
        <v>0.70277777777777639</v>
      </c>
      <c r="AB30" s="11">
        <v>0.7444444444444428</v>
      </c>
      <c r="AC30" s="14">
        <v>0.78611111111110943</v>
      </c>
      <c r="AD30" s="11">
        <v>0.82777777777777783</v>
      </c>
    </row>
    <row r="31" spans="1:30" ht="21.95" customHeight="1" x14ac:dyDescent="0.15">
      <c r="A31" s="773"/>
      <c r="B31" s="72" t="s">
        <v>108</v>
      </c>
      <c r="C31" s="37">
        <v>0.31736111111111115</v>
      </c>
      <c r="D31" s="19">
        <v>0.34513888888888888</v>
      </c>
      <c r="E31" s="12">
        <v>0.40625</v>
      </c>
      <c r="F31" s="12">
        <v>0.44791666666666607</v>
      </c>
      <c r="G31" s="12">
        <v>0.4895833333333327</v>
      </c>
      <c r="H31" s="12">
        <v>0.53124999999999911</v>
      </c>
      <c r="I31" s="12">
        <v>0.57291666666666574</v>
      </c>
      <c r="J31" s="12">
        <v>0.61458333333333215</v>
      </c>
      <c r="K31" s="12">
        <v>0.65624999999999878</v>
      </c>
      <c r="L31" s="11">
        <v>0.69791666666666519</v>
      </c>
      <c r="M31" s="11">
        <v>0.73958333333333182</v>
      </c>
      <c r="N31" s="11">
        <v>0.78125</v>
      </c>
      <c r="O31" s="187"/>
      <c r="P31" s="772"/>
      <c r="Q31" s="87" t="s">
        <v>107</v>
      </c>
      <c r="R31" s="11">
        <v>0.32986111111111094</v>
      </c>
      <c r="S31" s="11">
        <v>0.37013888888888868</v>
      </c>
      <c r="T31" s="11">
        <v>0.41180555555555509</v>
      </c>
      <c r="U31" s="12">
        <v>0.45347222222222172</v>
      </c>
      <c r="V31" s="12">
        <v>0.49513888888888813</v>
      </c>
      <c r="W31" s="12">
        <v>0.53680555555555476</v>
      </c>
      <c r="X31" s="12">
        <v>0.57847222222222117</v>
      </c>
      <c r="Y31" s="12">
        <v>0.6201388888888878</v>
      </c>
      <c r="Z31" s="12">
        <v>0.6618055555555542</v>
      </c>
      <c r="AA31" s="12">
        <v>0.70347222222222083</v>
      </c>
      <c r="AB31" s="11">
        <v>0.74513888888888724</v>
      </c>
      <c r="AC31" s="14">
        <v>0.78680555555555387</v>
      </c>
      <c r="AD31" s="11">
        <v>0.82847222222222217</v>
      </c>
    </row>
    <row r="32" spans="1:30" ht="21.95" customHeight="1" x14ac:dyDescent="0.15">
      <c r="A32" s="773"/>
      <c r="B32" s="72" t="s">
        <v>118</v>
      </c>
      <c r="C32" s="37">
        <v>0.31875000000000003</v>
      </c>
      <c r="D32" s="19">
        <v>0.34652777777777777</v>
      </c>
      <c r="E32" s="12">
        <v>0.40763888888888855</v>
      </c>
      <c r="F32" s="12">
        <v>0.44930555555555496</v>
      </c>
      <c r="G32" s="12">
        <v>0.49097222222222159</v>
      </c>
      <c r="H32" s="12">
        <v>0.532638888888888</v>
      </c>
      <c r="I32" s="12">
        <v>0.57430555555555463</v>
      </c>
      <c r="J32" s="12">
        <v>0.61597222222222103</v>
      </c>
      <c r="K32" s="12">
        <v>0.65763888888888766</v>
      </c>
      <c r="L32" s="11">
        <v>0.69930555555555407</v>
      </c>
      <c r="M32" s="11">
        <v>0.7409722222222207</v>
      </c>
      <c r="N32" s="11">
        <v>0.78263888888888899</v>
      </c>
      <c r="O32" s="187"/>
      <c r="P32" s="772"/>
      <c r="Q32" s="87" t="s">
        <v>105</v>
      </c>
      <c r="R32" s="11">
        <v>0.33055555555555538</v>
      </c>
      <c r="S32" s="11">
        <v>0.37083333333333313</v>
      </c>
      <c r="T32" s="11">
        <v>0.41249999999999998</v>
      </c>
      <c r="U32" s="12">
        <v>0.45416666666666616</v>
      </c>
      <c r="V32" s="12">
        <v>0.49583333333333257</v>
      </c>
      <c r="W32" s="12">
        <v>0.5374999999999992</v>
      </c>
      <c r="X32" s="12">
        <v>0.57916666666666561</v>
      </c>
      <c r="Y32" s="12">
        <v>0.62083333333333224</v>
      </c>
      <c r="Z32" s="12">
        <v>0.66249999999999865</v>
      </c>
      <c r="AA32" s="12">
        <v>0.70416666666666528</v>
      </c>
      <c r="AB32" s="11">
        <v>0.74583333333333168</v>
      </c>
      <c r="AC32" s="14">
        <v>0.78749999999999831</v>
      </c>
      <c r="AD32" s="11">
        <v>0.82916666666666661</v>
      </c>
    </row>
    <row r="33" spans="1:30" ht="21.95" customHeight="1" x14ac:dyDescent="0.15">
      <c r="A33" s="773"/>
      <c r="B33" s="72" t="s">
        <v>104</v>
      </c>
      <c r="C33" s="37">
        <v>0.31944444444444448</v>
      </c>
      <c r="D33" s="19">
        <v>0.34722222222222227</v>
      </c>
      <c r="E33" s="12">
        <v>0.40833333333333338</v>
      </c>
      <c r="F33" s="12">
        <v>0.45</v>
      </c>
      <c r="G33" s="12">
        <v>0.4916666666666667</v>
      </c>
      <c r="H33" s="12">
        <v>0.53333333333333333</v>
      </c>
      <c r="I33" s="12">
        <v>0.57499999999999996</v>
      </c>
      <c r="J33" s="12">
        <v>0.6166666666666667</v>
      </c>
      <c r="K33" s="12">
        <v>0.65833333333333333</v>
      </c>
      <c r="L33" s="11">
        <v>0.7</v>
      </c>
      <c r="M33" s="11">
        <v>0.7416666666666667</v>
      </c>
      <c r="N33" s="11">
        <v>0.78333333333333333</v>
      </c>
      <c r="O33" s="187"/>
      <c r="P33" s="772"/>
      <c r="Q33" s="87" t="s">
        <v>103</v>
      </c>
      <c r="R33" s="11">
        <v>0.33124999999999999</v>
      </c>
      <c r="S33" s="11">
        <v>0.37152777777777757</v>
      </c>
      <c r="T33" s="11">
        <v>0.41319444444444398</v>
      </c>
      <c r="U33" s="12">
        <v>0.45486111111111061</v>
      </c>
      <c r="V33" s="12">
        <v>0.49652777777777701</v>
      </c>
      <c r="W33" s="12">
        <v>0.53819444444444364</v>
      </c>
      <c r="X33" s="12">
        <v>0.57986111111111005</v>
      </c>
      <c r="Y33" s="12">
        <v>0.62152777777777668</v>
      </c>
      <c r="Z33" s="12">
        <v>0.66319444444444309</v>
      </c>
      <c r="AA33" s="12">
        <v>0.70486111111110972</v>
      </c>
      <c r="AB33" s="11">
        <v>0.74652777777777612</v>
      </c>
      <c r="AC33" s="14">
        <v>0.78819444444444275</v>
      </c>
      <c r="AD33" s="11">
        <v>0.82986111111111116</v>
      </c>
    </row>
    <row r="34" spans="1:30" ht="21.95" customHeight="1" x14ac:dyDescent="0.15">
      <c r="A34" s="773"/>
      <c r="B34" s="72" t="s">
        <v>102</v>
      </c>
      <c r="C34" s="37">
        <v>0.32083333333333336</v>
      </c>
      <c r="D34" s="19">
        <v>0.34861111111111115</v>
      </c>
      <c r="E34" s="12">
        <v>0.40972222222222188</v>
      </c>
      <c r="F34" s="12">
        <v>0.45138888888888828</v>
      </c>
      <c r="G34" s="12">
        <v>0.49305555555555491</v>
      </c>
      <c r="H34" s="12">
        <v>0.53472222222222132</v>
      </c>
      <c r="I34" s="12">
        <v>0.57638888888888795</v>
      </c>
      <c r="J34" s="12">
        <v>0.61805555555555436</v>
      </c>
      <c r="K34" s="12">
        <v>0.65972222222222099</v>
      </c>
      <c r="L34" s="11">
        <v>0.7013888888888874</v>
      </c>
      <c r="M34" s="11">
        <v>0.74305555555555403</v>
      </c>
      <c r="N34" s="11">
        <v>0.78472222222222221</v>
      </c>
      <c r="O34" s="187"/>
      <c r="P34" s="772"/>
      <c r="Q34" s="87" t="s">
        <v>101</v>
      </c>
      <c r="R34" s="11">
        <v>0.33194444444444426</v>
      </c>
      <c r="S34" s="11">
        <v>0.37222222222222201</v>
      </c>
      <c r="T34" s="11">
        <v>0.41388888888888842</v>
      </c>
      <c r="U34" s="12">
        <v>0.45555555555555505</v>
      </c>
      <c r="V34" s="12">
        <v>0.49722222222222145</v>
      </c>
      <c r="W34" s="12">
        <v>0.53888888888888808</v>
      </c>
      <c r="X34" s="12">
        <v>0.58055555555555449</v>
      </c>
      <c r="Y34" s="12">
        <v>0.62222222222222112</v>
      </c>
      <c r="Z34" s="12">
        <v>0.66388888888888753</v>
      </c>
      <c r="AA34" s="12">
        <v>0.70555555555555416</v>
      </c>
      <c r="AB34" s="11">
        <v>0.74722222222222057</v>
      </c>
      <c r="AC34" s="14">
        <v>0.7888888888888872</v>
      </c>
      <c r="AD34" s="11">
        <v>0.8305555555555556</v>
      </c>
    </row>
    <row r="35" spans="1:30" ht="21.95" customHeight="1" x14ac:dyDescent="0.15">
      <c r="A35" s="773"/>
      <c r="B35" s="473" t="s">
        <v>98</v>
      </c>
      <c r="C35" s="84">
        <v>0.32291666666666669</v>
      </c>
      <c r="D35" s="85">
        <v>0.35069444444444442</v>
      </c>
      <c r="E35" s="12">
        <v>0.4118055555555552</v>
      </c>
      <c r="F35" s="12">
        <v>0.45347222222222161</v>
      </c>
      <c r="G35" s="12">
        <v>0.49513888888888824</v>
      </c>
      <c r="H35" s="12">
        <v>0.53680555555555465</v>
      </c>
      <c r="I35" s="12">
        <v>0.57847222222222128</v>
      </c>
      <c r="J35" s="12">
        <v>0.62013888888888768</v>
      </c>
      <c r="K35" s="12">
        <v>0.66180555555555431</v>
      </c>
      <c r="L35" s="11">
        <v>0.70347222222222072</v>
      </c>
      <c r="M35" s="11">
        <v>0.74513888888888735</v>
      </c>
      <c r="N35" s="11">
        <v>0.78680555555555554</v>
      </c>
      <c r="O35" s="187"/>
      <c r="P35" s="772"/>
      <c r="Q35" s="87" t="s">
        <v>99</v>
      </c>
      <c r="R35" s="11">
        <v>0.33263888888888871</v>
      </c>
      <c r="S35" s="11">
        <v>0.37291666666666645</v>
      </c>
      <c r="T35" s="11">
        <v>0.41458333333333286</v>
      </c>
      <c r="U35" s="12">
        <v>0.45624999999999999</v>
      </c>
      <c r="V35" s="12">
        <v>0.4979166666666659</v>
      </c>
      <c r="W35" s="12">
        <v>0.53958333333333253</v>
      </c>
      <c r="X35" s="12">
        <v>0.58124999999999893</v>
      </c>
      <c r="Y35" s="12">
        <v>0.62291666666666556</v>
      </c>
      <c r="Z35" s="12">
        <v>0.66458333333333197</v>
      </c>
      <c r="AA35" s="12">
        <v>0.7062499999999986</v>
      </c>
      <c r="AB35" s="11">
        <v>0.74791666666666501</v>
      </c>
      <c r="AC35" s="14">
        <v>0.78958333333333164</v>
      </c>
      <c r="AD35" s="11">
        <v>0.83124999999999993</v>
      </c>
    </row>
    <row r="36" spans="1:30" ht="21.95" customHeight="1" x14ac:dyDescent="0.15">
      <c r="A36" s="773"/>
      <c r="B36" s="72" t="s">
        <v>100</v>
      </c>
      <c r="C36" s="11" t="s">
        <v>19</v>
      </c>
      <c r="D36" s="11" t="s">
        <v>19</v>
      </c>
      <c r="E36" s="86">
        <v>0.41458333333333297</v>
      </c>
      <c r="F36" s="12">
        <v>0.45624999999999938</v>
      </c>
      <c r="G36" s="12">
        <v>0.49791666666666601</v>
      </c>
      <c r="H36" s="12">
        <v>0.53958333333333242</v>
      </c>
      <c r="I36" s="12">
        <v>0.58124999999999905</v>
      </c>
      <c r="J36" s="12">
        <v>0.62291666666666545</v>
      </c>
      <c r="K36" s="12">
        <v>0.66458333333333208</v>
      </c>
      <c r="L36" s="11">
        <v>0.70624999999999849</v>
      </c>
      <c r="M36" s="11">
        <v>0.74791666666666512</v>
      </c>
      <c r="N36" s="11">
        <v>0.7895833333333333</v>
      </c>
      <c r="O36" s="187"/>
      <c r="P36" s="772"/>
      <c r="Q36" s="87" t="s">
        <v>97</v>
      </c>
      <c r="R36" s="11">
        <v>0.33333333333333315</v>
      </c>
      <c r="S36" s="11">
        <v>0.37361111111111089</v>
      </c>
      <c r="T36" s="11">
        <v>0.4152777777777773</v>
      </c>
      <c r="U36" s="12">
        <v>0.45694444444444393</v>
      </c>
      <c r="V36" s="12">
        <v>0.49861111111111034</v>
      </c>
      <c r="W36" s="12">
        <v>0.54027777777777697</v>
      </c>
      <c r="X36" s="12">
        <v>0.58194444444444338</v>
      </c>
      <c r="Y36" s="12">
        <v>0.62361111111111001</v>
      </c>
      <c r="Z36" s="12">
        <v>0.66527777777777641</v>
      </c>
      <c r="AA36" s="12">
        <v>0.70694444444444304</v>
      </c>
      <c r="AB36" s="11">
        <v>0.74861111111110945</v>
      </c>
      <c r="AC36" s="14">
        <v>0.79027777777777608</v>
      </c>
      <c r="AD36" s="11">
        <v>0.83194444444444438</v>
      </c>
    </row>
    <row r="37" spans="1:30" ht="21.95" customHeight="1" x14ac:dyDescent="0.15">
      <c r="A37" s="773"/>
      <c r="B37" s="72" t="s">
        <v>96</v>
      </c>
      <c r="C37" s="11" t="s">
        <v>19</v>
      </c>
      <c r="D37" s="11" t="s">
        <v>19</v>
      </c>
      <c r="E37" s="86">
        <v>0.41875000000000001</v>
      </c>
      <c r="F37" s="12">
        <v>0.46041666666666603</v>
      </c>
      <c r="G37" s="12">
        <v>0.50208333333333266</v>
      </c>
      <c r="H37" s="12">
        <v>0.54374999999999907</v>
      </c>
      <c r="I37" s="12">
        <v>0.5854166666666657</v>
      </c>
      <c r="J37" s="12">
        <v>0.6270833333333321</v>
      </c>
      <c r="K37" s="12">
        <v>0.66874999999999873</v>
      </c>
      <c r="L37" s="11">
        <v>0.71041666666666514</v>
      </c>
      <c r="M37" s="11">
        <v>0.75208333333333177</v>
      </c>
      <c r="N37" s="11">
        <v>0.79375000000000007</v>
      </c>
      <c r="O37" s="187"/>
      <c r="P37" s="772"/>
      <c r="Q37" s="87" t="s">
        <v>95</v>
      </c>
      <c r="R37" s="11">
        <v>0.33402777777777759</v>
      </c>
      <c r="S37" s="11">
        <v>0.37430555555555534</v>
      </c>
      <c r="T37" s="11">
        <v>0.41597222222222174</v>
      </c>
      <c r="U37" s="12">
        <v>0.45763888888888837</v>
      </c>
      <c r="V37" s="12">
        <v>0.49930555555555478</v>
      </c>
      <c r="W37" s="12">
        <v>0.54097222222222141</v>
      </c>
      <c r="X37" s="12">
        <v>0.58263888888888782</v>
      </c>
      <c r="Y37" s="12">
        <v>0.62430555555555445</v>
      </c>
      <c r="Z37" s="12">
        <v>0.66597222222222086</v>
      </c>
      <c r="AA37" s="12">
        <v>0.70763888888888749</v>
      </c>
      <c r="AB37" s="11">
        <v>0.74930555555555389</v>
      </c>
      <c r="AC37" s="14">
        <v>0.79097222222222052</v>
      </c>
      <c r="AD37" s="11">
        <v>0.83263888888888893</v>
      </c>
    </row>
    <row r="38" spans="1:30" ht="21.95" customHeight="1" x14ac:dyDescent="0.15">
      <c r="A38" s="773"/>
      <c r="B38" s="72" t="s">
        <v>94</v>
      </c>
      <c r="C38" s="11" t="s">
        <v>19</v>
      </c>
      <c r="D38" s="11" t="s">
        <v>19</v>
      </c>
      <c r="E38" s="86">
        <v>0.41944444444444406</v>
      </c>
      <c r="F38" s="12">
        <v>0.46111111111111047</v>
      </c>
      <c r="G38" s="12">
        <v>0.5027777777777771</v>
      </c>
      <c r="H38" s="12">
        <v>0.54444444444444351</v>
      </c>
      <c r="I38" s="12">
        <v>0.58611111111111014</v>
      </c>
      <c r="J38" s="12">
        <v>0.62777777777777655</v>
      </c>
      <c r="K38" s="12">
        <v>0.66944444444444318</v>
      </c>
      <c r="L38" s="11">
        <v>0.71111111111110958</v>
      </c>
      <c r="M38" s="11">
        <v>0.75277777777777621</v>
      </c>
      <c r="N38" s="11">
        <v>0.7944444444444444</v>
      </c>
      <c r="O38" s="187"/>
      <c r="P38" s="772"/>
      <c r="Q38" s="76" t="s">
        <v>46</v>
      </c>
      <c r="R38" s="11">
        <v>0.33472222222222203</v>
      </c>
      <c r="S38" s="11">
        <v>0.375</v>
      </c>
      <c r="T38" s="11">
        <v>0.41666666666666619</v>
      </c>
      <c r="U38" s="12">
        <v>0.45833333333333282</v>
      </c>
      <c r="V38" s="12">
        <v>0.49999999999999922</v>
      </c>
      <c r="W38" s="12">
        <v>0.54166666666666585</v>
      </c>
      <c r="X38" s="12">
        <v>0.58333333333333226</v>
      </c>
      <c r="Y38" s="12">
        <v>0.62499999999999889</v>
      </c>
      <c r="Z38" s="12">
        <v>0.6666666666666653</v>
      </c>
      <c r="AA38" s="12">
        <v>0.70833333333333193</v>
      </c>
      <c r="AB38" s="11">
        <v>0.74999999999999833</v>
      </c>
      <c r="AC38" s="14">
        <v>0.79166666666666496</v>
      </c>
      <c r="AD38" s="11">
        <v>0.83333333333333337</v>
      </c>
    </row>
    <row r="39" spans="1:30" ht="21.95" customHeight="1" x14ac:dyDescent="0.15">
      <c r="A39" s="773"/>
      <c r="B39" s="72" t="s">
        <v>93</v>
      </c>
      <c r="C39" s="11" t="s">
        <v>19</v>
      </c>
      <c r="D39" s="11" t="s">
        <v>19</v>
      </c>
      <c r="E39" s="86">
        <v>0.42013888888888851</v>
      </c>
      <c r="F39" s="12">
        <v>0.46180555555555491</v>
      </c>
      <c r="G39" s="12">
        <v>0.50347222222222154</v>
      </c>
      <c r="H39" s="12">
        <v>0.54513888888888795</v>
      </c>
      <c r="I39" s="12">
        <v>0.58680555555555458</v>
      </c>
      <c r="J39" s="12">
        <v>0.62847222222222099</v>
      </c>
      <c r="K39" s="12">
        <v>0.67013888888888762</v>
      </c>
      <c r="L39" s="11">
        <v>0.71180555555555403</v>
      </c>
      <c r="M39" s="11">
        <v>0.75347222222222066</v>
      </c>
      <c r="N39" s="11">
        <v>0.79513888888888884</v>
      </c>
      <c r="O39" s="187"/>
      <c r="P39" s="773"/>
      <c r="Q39" s="87" t="s">
        <v>44</v>
      </c>
      <c r="R39" s="19">
        <v>0.33541666666666647</v>
      </c>
      <c r="S39" s="11">
        <v>0.37569444444444422</v>
      </c>
      <c r="T39" s="11">
        <v>0.41736111111111063</v>
      </c>
      <c r="U39" s="12">
        <v>0.45902777777777726</v>
      </c>
      <c r="V39" s="12">
        <v>0.50069444444444366</v>
      </c>
      <c r="W39" s="12">
        <v>0.54236111111111029</v>
      </c>
      <c r="X39" s="12">
        <v>0.5840277777777767</v>
      </c>
      <c r="Y39" s="12">
        <v>0.62569444444444333</v>
      </c>
      <c r="Z39" s="12">
        <v>0.66736111111110974</v>
      </c>
      <c r="AA39" s="12">
        <v>0.70902777777777637</v>
      </c>
      <c r="AB39" s="11">
        <v>0.75069444444444278</v>
      </c>
      <c r="AC39" s="14">
        <v>0.79236111111110941</v>
      </c>
      <c r="AD39" s="11">
        <v>0.8340277777777777</v>
      </c>
    </row>
    <row r="40" spans="1:30" ht="21.95" customHeight="1" x14ac:dyDescent="0.15">
      <c r="A40" s="773"/>
      <c r="B40" s="72" t="s">
        <v>92</v>
      </c>
      <c r="C40" s="11" t="s">
        <v>19</v>
      </c>
      <c r="D40" s="11" t="s">
        <v>19</v>
      </c>
      <c r="E40" s="86">
        <v>0.42083333333333295</v>
      </c>
      <c r="F40" s="12">
        <v>0.46249999999999936</v>
      </c>
      <c r="G40" s="12">
        <v>0.50416666666666599</v>
      </c>
      <c r="H40" s="12">
        <v>0.54583333333333239</v>
      </c>
      <c r="I40" s="12">
        <v>0.58749999999999902</v>
      </c>
      <c r="J40" s="12">
        <v>0.62916666666666543</v>
      </c>
      <c r="K40" s="12">
        <v>0.67083333333333206</v>
      </c>
      <c r="L40" s="11">
        <v>0.71249999999999847</v>
      </c>
      <c r="M40" s="11">
        <v>0.7541666666666651</v>
      </c>
      <c r="N40" s="11">
        <v>0.79583333333333339</v>
      </c>
      <c r="O40" s="187"/>
      <c r="P40" s="772"/>
      <c r="Q40" s="82" t="s">
        <v>91</v>
      </c>
      <c r="R40" s="11">
        <v>0.33611111111111092</v>
      </c>
      <c r="S40" s="11">
        <v>0.37638888888888866</v>
      </c>
      <c r="T40" s="11">
        <v>0.41805555555555507</v>
      </c>
      <c r="U40" s="12">
        <v>0.4597222222222217</v>
      </c>
      <c r="V40" s="12">
        <v>0.50138888888888811</v>
      </c>
      <c r="W40" s="12">
        <v>0.54305555555555474</v>
      </c>
      <c r="X40" s="12">
        <v>0.58472222222222114</v>
      </c>
      <c r="Y40" s="12">
        <v>0.62638888888888777</v>
      </c>
      <c r="Z40" s="12">
        <v>0.66805555555555418</v>
      </c>
      <c r="AA40" s="12">
        <v>0.70972222222222081</v>
      </c>
      <c r="AB40" s="11">
        <v>0.75138888888888722</v>
      </c>
      <c r="AC40" s="14">
        <v>0.79305555555555385</v>
      </c>
      <c r="AD40" s="11">
        <v>0.83472222222222225</v>
      </c>
    </row>
    <row r="41" spans="1:30" ht="21.95" customHeight="1" x14ac:dyDescent="0.15">
      <c r="A41" s="773"/>
      <c r="B41" s="72" t="s">
        <v>90</v>
      </c>
      <c r="C41" s="11" t="s">
        <v>19</v>
      </c>
      <c r="D41" s="11" t="s">
        <v>19</v>
      </c>
      <c r="E41" s="86">
        <v>0.42152777777777739</v>
      </c>
      <c r="F41" s="12">
        <v>0.4631944444444438</v>
      </c>
      <c r="G41" s="12">
        <v>0.50486111111111043</v>
      </c>
      <c r="H41" s="12">
        <v>0.54652777777777684</v>
      </c>
      <c r="I41" s="12">
        <v>0.58819444444444346</v>
      </c>
      <c r="J41" s="12">
        <v>0.62986111111110987</v>
      </c>
      <c r="K41" s="12">
        <v>0.6715277777777765</v>
      </c>
      <c r="L41" s="11">
        <v>0.71319444444444291</v>
      </c>
      <c r="M41" s="11">
        <v>0.75486111111110954</v>
      </c>
      <c r="N41" s="11">
        <v>0.79652777777777783</v>
      </c>
      <c r="O41" s="187"/>
      <c r="P41" s="772"/>
      <c r="Q41" s="87" t="s">
        <v>89</v>
      </c>
      <c r="R41" s="11">
        <v>0.33680555555555536</v>
      </c>
      <c r="S41" s="11">
        <v>0.3770833333333331</v>
      </c>
      <c r="T41" s="11">
        <v>0.41875000000000001</v>
      </c>
      <c r="U41" s="12">
        <v>0.46041666666666614</v>
      </c>
      <c r="V41" s="12">
        <v>0.50208333333333255</v>
      </c>
      <c r="W41" s="12">
        <v>0.54374999999999918</v>
      </c>
      <c r="X41" s="12">
        <v>0.58541666666666559</v>
      </c>
      <c r="Y41" s="12">
        <v>0.62708333333333222</v>
      </c>
      <c r="Z41" s="12">
        <v>0.66874999999999862</v>
      </c>
      <c r="AA41" s="12">
        <v>0.71041666666666525</v>
      </c>
      <c r="AB41" s="11">
        <v>0.75208333333333166</v>
      </c>
      <c r="AC41" s="14">
        <v>0.79374999999999829</v>
      </c>
      <c r="AD41" s="11">
        <v>0.8354166666666667</v>
      </c>
    </row>
    <row r="42" spans="1:30" ht="21.95" customHeight="1" x14ac:dyDescent="0.15">
      <c r="A42" s="773"/>
      <c r="B42" s="72" t="s">
        <v>86</v>
      </c>
      <c r="C42" s="11">
        <v>0.32777777777777778</v>
      </c>
      <c r="D42" s="11">
        <v>0.35555555555555557</v>
      </c>
      <c r="E42" s="86" t="s">
        <v>19</v>
      </c>
      <c r="F42" s="12" t="s">
        <v>19</v>
      </c>
      <c r="G42" s="12" t="s">
        <v>19</v>
      </c>
      <c r="H42" s="12" t="s">
        <v>19</v>
      </c>
      <c r="I42" s="12" t="s">
        <v>19</v>
      </c>
      <c r="J42" s="12" t="s">
        <v>19</v>
      </c>
      <c r="K42" s="12" t="s">
        <v>19</v>
      </c>
      <c r="L42" s="11" t="s">
        <v>19</v>
      </c>
      <c r="M42" s="11" t="s">
        <v>19</v>
      </c>
      <c r="N42" s="11" t="s">
        <v>19</v>
      </c>
      <c r="O42" s="187"/>
      <c r="P42" s="772"/>
      <c r="Q42" s="87" t="s">
        <v>87</v>
      </c>
      <c r="R42" s="11">
        <v>0.33750000000000002</v>
      </c>
      <c r="S42" s="11">
        <v>0.37777777777777755</v>
      </c>
      <c r="T42" s="11">
        <v>0.41944444444444395</v>
      </c>
      <c r="U42" s="12">
        <v>0.46111111111111058</v>
      </c>
      <c r="V42" s="12">
        <v>0.50277777777777699</v>
      </c>
      <c r="W42" s="12">
        <v>0.54444444444444362</v>
      </c>
      <c r="X42" s="12">
        <v>0.58611111111111003</v>
      </c>
      <c r="Y42" s="12">
        <v>0.62777777777777666</v>
      </c>
      <c r="Z42" s="12">
        <v>0.66944444444444307</v>
      </c>
      <c r="AA42" s="12">
        <v>0.71111111111110969</v>
      </c>
      <c r="AB42" s="11">
        <v>0.7527777777777761</v>
      </c>
      <c r="AC42" s="14">
        <v>0.79444444444444273</v>
      </c>
      <c r="AD42" s="11">
        <v>0.83611111111111114</v>
      </c>
    </row>
    <row r="43" spans="1:30" ht="21.95" customHeight="1" x14ac:dyDescent="0.15">
      <c r="A43" s="773"/>
      <c r="B43" s="72" t="s">
        <v>88</v>
      </c>
      <c r="C43" s="11">
        <v>0.32847222222222222</v>
      </c>
      <c r="D43" s="11">
        <v>0.35625000000000001</v>
      </c>
      <c r="E43" s="86" t="s">
        <v>19</v>
      </c>
      <c r="F43" s="12" t="s">
        <v>19</v>
      </c>
      <c r="G43" s="12" t="s">
        <v>19</v>
      </c>
      <c r="H43" s="12" t="s">
        <v>19</v>
      </c>
      <c r="I43" s="12" t="s">
        <v>19</v>
      </c>
      <c r="J43" s="12" t="s">
        <v>19</v>
      </c>
      <c r="K43" s="12" t="s">
        <v>19</v>
      </c>
      <c r="L43" s="11" t="s">
        <v>19</v>
      </c>
      <c r="M43" s="11" t="s">
        <v>19</v>
      </c>
      <c r="N43" s="11" t="s">
        <v>19</v>
      </c>
      <c r="O43" s="187"/>
      <c r="P43" s="772"/>
      <c r="Q43" s="87" t="s">
        <v>85</v>
      </c>
      <c r="R43" s="11">
        <v>0.33819444444444424</v>
      </c>
      <c r="S43" s="11">
        <v>0.37847222222222199</v>
      </c>
      <c r="T43" s="11">
        <v>0.4201388888888884</v>
      </c>
      <c r="U43" s="12">
        <v>0.46180555555555503</v>
      </c>
      <c r="V43" s="12">
        <v>0.50347222222222143</v>
      </c>
      <c r="W43" s="12">
        <v>0.54513888888888806</v>
      </c>
      <c r="X43" s="12">
        <v>0.58680555555555447</v>
      </c>
      <c r="Y43" s="12">
        <v>0.6284722222222211</v>
      </c>
      <c r="Z43" s="12">
        <v>0.67013888888888751</v>
      </c>
      <c r="AA43" s="12">
        <v>0.71180555555555414</v>
      </c>
      <c r="AB43" s="11">
        <v>0.75347222222222054</v>
      </c>
      <c r="AC43" s="14">
        <v>0.79513888888888717</v>
      </c>
      <c r="AD43" s="11">
        <v>0.83680555555555547</v>
      </c>
    </row>
    <row r="44" spans="1:30" ht="21.95" customHeight="1" x14ac:dyDescent="0.15">
      <c r="A44" s="773"/>
      <c r="B44" s="72" t="s">
        <v>119</v>
      </c>
      <c r="C44" s="11">
        <v>0.3298611111111111</v>
      </c>
      <c r="D44" s="11">
        <v>0.3576388888888889</v>
      </c>
      <c r="E44" s="86">
        <v>0.42222222222222183</v>
      </c>
      <c r="F44" s="12">
        <v>0.46388888888888824</v>
      </c>
      <c r="G44" s="12">
        <v>0.50555555555555487</v>
      </c>
      <c r="H44" s="12">
        <v>0.54722222222222128</v>
      </c>
      <c r="I44" s="12">
        <v>0.58888888888888791</v>
      </c>
      <c r="J44" s="12">
        <v>0.63055555555555431</v>
      </c>
      <c r="K44" s="12">
        <v>0.67222222222222094</v>
      </c>
      <c r="L44" s="11">
        <v>0.71388888888888735</v>
      </c>
      <c r="M44" s="11">
        <v>0.75555555555555398</v>
      </c>
      <c r="N44" s="11">
        <v>0.79722222222222217</v>
      </c>
      <c r="O44" s="187"/>
      <c r="P44" s="772"/>
      <c r="Q44" s="87" t="s">
        <v>83</v>
      </c>
      <c r="R44" s="11">
        <v>0.33888888888888868</v>
      </c>
      <c r="S44" s="11">
        <v>0.37916666666666643</v>
      </c>
      <c r="T44" s="11">
        <v>0.42083333333333284</v>
      </c>
      <c r="U44" s="12">
        <v>0.46249999999999947</v>
      </c>
      <c r="V44" s="12">
        <v>0.50416666666666587</v>
      </c>
      <c r="W44" s="12">
        <v>0.5458333333333325</v>
      </c>
      <c r="X44" s="12">
        <v>0.58749999999999891</v>
      </c>
      <c r="Y44" s="12">
        <v>0.62916666666666554</v>
      </c>
      <c r="Z44" s="12">
        <v>0.67083333333333195</v>
      </c>
      <c r="AA44" s="12">
        <v>0.71249999999999858</v>
      </c>
      <c r="AB44" s="11">
        <v>0.75416666666666499</v>
      </c>
      <c r="AC44" s="14">
        <v>0.79583333333333162</v>
      </c>
      <c r="AD44" s="11">
        <v>0.83750000000000002</v>
      </c>
    </row>
    <row r="45" spans="1:30" ht="21.95" customHeight="1" x14ac:dyDescent="0.15">
      <c r="A45" s="773"/>
      <c r="B45" s="72" t="s">
        <v>84</v>
      </c>
      <c r="C45" s="11">
        <v>0.33055555555555555</v>
      </c>
      <c r="D45" s="11">
        <v>0.35833333333333334</v>
      </c>
      <c r="E45" s="86">
        <v>0.42291666666666627</v>
      </c>
      <c r="F45" s="12">
        <v>0.46458333333333268</v>
      </c>
      <c r="G45" s="12">
        <v>0.50624999999999931</v>
      </c>
      <c r="H45" s="12">
        <v>0.54791666666666572</v>
      </c>
      <c r="I45" s="12">
        <v>0.58958333333333235</v>
      </c>
      <c r="J45" s="12">
        <v>0.63124999999999876</v>
      </c>
      <c r="K45" s="12">
        <v>0.67291666666666539</v>
      </c>
      <c r="L45" s="11">
        <v>0.71458333333333179</v>
      </c>
      <c r="M45" s="11">
        <v>0.75624999999999842</v>
      </c>
      <c r="N45" s="11">
        <v>0.79791666666666661</v>
      </c>
      <c r="O45" s="187"/>
      <c r="P45" s="187"/>
      <c r="Q45" s="187"/>
      <c r="R45" s="187"/>
      <c r="S45" s="187"/>
      <c r="T45" s="187"/>
      <c r="U45" s="187"/>
      <c r="V45" s="187"/>
      <c r="W45" s="187"/>
      <c r="X45" s="187"/>
      <c r="Y45" s="187"/>
      <c r="Z45" s="187"/>
      <c r="AA45" s="187"/>
      <c r="AB45" s="187"/>
      <c r="AC45" s="187"/>
      <c r="AD45" s="187"/>
    </row>
    <row r="46" spans="1:30" ht="15" customHeight="1" x14ac:dyDescent="0.15">
      <c r="A46" s="187"/>
      <c r="B46" s="187"/>
      <c r="C46" s="187"/>
      <c r="D46" s="187"/>
      <c r="E46" s="187"/>
      <c r="F46" s="187"/>
      <c r="G46" s="187"/>
      <c r="H46" s="187"/>
      <c r="I46" s="187"/>
      <c r="J46" s="187"/>
      <c r="K46" s="187"/>
      <c r="L46" s="187"/>
      <c r="M46" s="187"/>
      <c r="N46" s="187"/>
      <c r="O46" s="187"/>
      <c r="P46" s="187"/>
      <c r="Q46" s="187"/>
      <c r="R46" s="187"/>
      <c r="S46" s="187"/>
      <c r="T46" s="187"/>
      <c r="U46" s="187"/>
      <c r="V46" s="187"/>
      <c r="W46" s="187"/>
      <c r="X46" s="187"/>
      <c r="Y46" s="187"/>
      <c r="Z46" s="187"/>
      <c r="AA46" s="187"/>
      <c r="AB46" s="187"/>
      <c r="AC46" s="187"/>
      <c r="AD46" s="187"/>
    </row>
    <row r="47" spans="1:30" ht="15" customHeight="1" x14ac:dyDescent="0.15">
      <c r="A47" s="187"/>
      <c r="B47" s="187"/>
      <c r="C47" s="187"/>
      <c r="D47" s="187"/>
      <c r="E47" s="187"/>
      <c r="F47" s="187"/>
      <c r="G47" s="187"/>
      <c r="H47" s="187"/>
      <c r="I47" s="187"/>
      <c r="J47" s="187"/>
      <c r="K47" s="187"/>
      <c r="L47" s="187"/>
      <c r="M47" s="187"/>
      <c r="N47" s="187"/>
      <c r="O47" s="187"/>
      <c r="P47" s="187"/>
      <c r="Q47" s="187"/>
      <c r="R47" s="187"/>
      <c r="S47" s="187"/>
      <c r="T47" s="187"/>
      <c r="U47" s="187"/>
      <c r="V47" s="187"/>
      <c r="W47" s="187"/>
      <c r="X47" s="187"/>
      <c r="Y47" s="187"/>
      <c r="Z47" s="187"/>
      <c r="AA47" s="187"/>
      <c r="AB47" s="187"/>
      <c r="AC47" s="187"/>
      <c r="AD47" s="187"/>
    </row>
    <row r="48" spans="1:30" ht="15" customHeight="1" x14ac:dyDescent="0.15">
      <c r="A48" s="187"/>
      <c r="B48" s="187"/>
      <c r="C48" s="187"/>
      <c r="D48" s="187"/>
      <c r="E48" s="187"/>
      <c r="F48" s="187"/>
      <c r="G48" s="187"/>
      <c r="H48" s="187"/>
      <c r="I48" s="187"/>
      <c r="J48" s="187"/>
      <c r="K48" s="187"/>
      <c r="L48" s="187"/>
      <c r="M48" s="187"/>
      <c r="N48" s="187"/>
      <c r="O48" s="187"/>
      <c r="P48" s="187"/>
      <c r="Q48" s="187"/>
      <c r="R48" s="187"/>
      <c r="S48" s="187"/>
      <c r="T48" s="187"/>
      <c r="U48" s="187"/>
      <c r="V48" s="187"/>
      <c r="W48" s="187"/>
      <c r="X48" s="187"/>
      <c r="Y48" s="187"/>
      <c r="Z48" s="187"/>
      <c r="AA48" s="187"/>
      <c r="AB48" s="187"/>
      <c r="AC48" s="187"/>
      <c r="AD48" s="187"/>
    </row>
    <row r="49" ht="15" customHeight="1" x14ac:dyDescent="0.15"/>
  </sheetData>
  <mergeCells count="3">
    <mergeCell ref="B1:AD1"/>
    <mergeCell ref="A3:A45"/>
    <mergeCell ref="P3:P44"/>
  </mergeCells>
  <phoneticPr fontId="3"/>
  <printOptions horizontalCentered="1" verticalCentered="1"/>
  <pageMargins left="0" right="0" top="0" bottom="0" header="0" footer="0"/>
  <pageSetup paperSize="9" scale="55" orientation="landscape" horizontalDpi="300" verticalDpi="300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61"/>
  <sheetViews>
    <sheetView view="pageBreakPreview" zoomScaleNormal="100" zoomScaleSheetLayoutView="100" workbookViewId="0">
      <selection activeCell="G4" sqref="G4"/>
    </sheetView>
  </sheetViews>
  <sheetFormatPr defaultColWidth="23.5" defaultRowHeight="13.5" x14ac:dyDescent="0.15"/>
  <cols>
    <col min="1" max="1" width="4.125" style="41" customWidth="1"/>
    <col min="2" max="2" width="18.375" style="41" customWidth="1"/>
    <col min="3" max="3" width="8.875" style="41" customWidth="1"/>
    <col min="4" max="4" width="1.625" style="41" customWidth="1"/>
    <col min="5" max="5" width="4.125" style="2" customWidth="1"/>
    <col min="6" max="6" width="18.25" style="2" customWidth="1"/>
    <col min="7" max="8" width="7.625" style="41" customWidth="1"/>
    <col min="9" max="9" width="23.5" style="2" customWidth="1"/>
    <col min="10" max="256" width="23.5" style="2"/>
    <col min="257" max="257" width="4.125" style="2" customWidth="1"/>
    <col min="258" max="258" width="18.375" style="2" customWidth="1"/>
    <col min="259" max="259" width="8.875" style="2" customWidth="1"/>
    <col min="260" max="260" width="1.625" style="2" customWidth="1"/>
    <col min="261" max="261" width="4.125" style="2" customWidth="1"/>
    <col min="262" max="262" width="18.25" style="2" customWidth="1"/>
    <col min="263" max="264" width="7.625" style="2" customWidth="1"/>
    <col min="265" max="265" width="23.5" style="2" customWidth="1"/>
    <col min="266" max="512" width="23.5" style="2"/>
    <col min="513" max="513" width="4.125" style="2" customWidth="1"/>
    <col min="514" max="514" width="18.375" style="2" customWidth="1"/>
    <col min="515" max="515" width="8.875" style="2" customWidth="1"/>
    <col min="516" max="516" width="1.625" style="2" customWidth="1"/>
    <col min="517" max="517" width="4.125" style="2" customWidth="1"/>
    <col min="518" max="518" width="18.25" style="2" customWidth="1"/>
    <col min="519" max="520" width="7.625" style="2" customWidth="1"/>
    <col min="521" max="521" width="23.5" style="2" customWidth="1"/>
    <col min="522" max="768" width="23.5" style="2"/>
    <col min="769" max="769" width="4.125" style="2" customWidth="1"/>
    <col min="770" max="770" width="18.375" style="2" customWidth="1"/>
    <col min="771" max="771" width="8.875" style="2" customWidth="1"/>
    <col min="772" max="772" width="1.625" style="2" customWidth="1"/>
    <col min="773" max="773" width="4.125" style="2" customWidth="1"/>
    <col min="774" max="774" width="18.25" style="2" customWidth="1"/>
    <col min="775" max="776" width="7.625" style="2" customWidth="1"/>
    <col min="777" max="777" width="23.5" style="2" customWidth="1"/>
    <col min="778" max="1024" width="23.5" style="2"/>
    <col min="1025" max="1025" width="4.125" style="2" customWidth="1"/>
    <col min="1026" max="1026" width="18.375" style="2" customWidth="1"/>
    <col min="1027" max="1027" width="8.875" style="2" customWidth="1"/>
    <col min="1028" max="1028" width="1.625" style="2" customWidth="1"/>
    <col min="1029" max="1029" width="4.125" style="2" customWidth="1"/>
    <col min="1030" max="1030" width="18.25" style="2" customWidth="1"/>
    <col min="1031" max="1032" width="7.625" style="2" customWidth="1"/>
    <col min="1033" max="1033" width="23.5" style="2" customWidth="1"/>
    <col min="1034" max="1280" width="23.5" style="2"/>
    <col min="1281" max="1281" width="4.125" style="2" customWidth="1"/>
    <col min="1282" max="1282" width="18.375" style="2" customWidth="1"/>
    <col min="1283" max="1283" width="8.875" style="2" customWidth="1"/>
    <col min="1284" max="1284" width="1.625" style="2" customWidth="1"/>
    <col min="1285" max="1285" width="4.125" style="2" customWidth="1"/>
    <col min="1286" max="1286" width="18.25" style="2" customWidth="1"/>
    <col min="1287" max="1288" width="7.625" style="2" customWidth="1"/>
    <col min="1289" max="1289" width="23.5" style="2" customWidth="1"/>
    <col min="1290" max="1536" width="23.5" style="2"/>
    <col min="1537" max="1537" width="4.125" style="2" customWidth="1"/>
    <col min="1538" max="1538" width="18.375" style="2" customWidth="1"/>
    <col min="1539" max="1539" width="8.875" style="2" customWidth="1"/>
    <col min="1540" max="1540" width="1.625" style="2" customWidth="1"/>
    <col min="1541" max="1541" width="4.125" style="2" customWidth="1"/>
    <col min="1542" max="1542" width="18.25" style="2" customWidth="1"/>
    <col min="1543" max="1544" width="7.625" style="2" customWidth="1"/>
    <col min="1545" max="1545" width="23.5" style="2" customWidth="1"/>
    <col min="1546" max="1792" width="23.5" style="2"/>
    <col min="1793" max="1793" width="4.125" style="2" customWidth="1"/>
    <col min="1794" max="1794" width="18.375" style="2" customWidth="1"/>
    <col min="1795" max="1795" width="8.875" style="2" customWidth="1"/>
    <col min="1796" max="1796" width="1.625" style="2" customWidth="1"/>
    <col min="1797" max="1797" width="4.125" style="2" customWidth="1"/>
    <col min="1798" max="1798" width="18.25" style="2" customWidth="1"/>
    <col min="1799" max="1800" width="7.625" style="2" customWidth="1"/>
    <col min="1801" max="1801" width="23.5" style="2" customWidth="1"/>
    <col min="1802" max="2048" width="23.5" style="2"/>
    <col min="2049" max="2049" width="4.125" style="2" customWidth="1"/>
    <col min="2050" max="2050" width="18.375" style="2" customWidth="1"/>
    <col min="2051" max="2051" width="8.875" style="2" customWidth="1"/>
    <col min="2052" max="2052" width="1.625" style="2" customWidth="1"/>
    <col min="2053" max="2053" width="4.125" style="2" customWidth="1"/>
    <col min="2054" max="2054" width="18.25" style="2" customWidth="1"/>
    <col min="2055" max="2056" width="7.625" style="2" customWidth="1"/>
    <col min="2057" max="2057" width="23.5" style="2" customWidth="1"/>
    <col min="2058" max="2304" width="23.5" style="2"/>
    <col min="2305" max="2305" width="4.125" style="2" customWidth="1"/>
    <col min="2306" max="2306" width="18.375" style="2" customWidth="1"/>
    <col min="2307" max="2307" width="8.875" style="2" customWidth="1"/>
    <col min="2308" max="2308" width="1.625" style="2" customWidth="1"/>
    <col min="2309" max="2309" width="4.125" style="2" customWidth="1"/>
    <col min="2310" max="2310" width="18.25" style="2" customWidth="1"/>
    <col min="2311" max="2312" width="7.625" style="2" customWidth="1"/>
    <col min="2313" max="2313" width="23.5" style="2" customWidth="1"/>
    <col min="2314" max="2560" width="23.5" style="2"/>
    <col min="2561" max="2561" width="4.125" style="2" customWidth="1"/>
    <col min="2562" max="2562" width="18.375" style="2" customWidth="1"/>
    <col min="2563" max="2563" width="8.875" style="2" customWidth="1"/>
    <col min="2564" max="2564" width="1.625" style="2" customWidth="1"/>
    <col min="2565" max="2565" width="4.125" style="2" customWidth="1"/>
    <col min="2566" max="2566" width="18.25" style="2" customWidth="1"/>
    <col min="2567" max="2568" width="7.625" style="2" customWidth="1"/>
    <col min="2569" max="2569" width="23.5" style="2" customWidth="1"/>
    <col min="2570" max="2816" width="23.5" style="2"/>
    <col min="2817" max="2817" width="4.125" style="2" customWidth="1"/>
    <col min="2818" max="2818" width="18.375" style="2" customWidth="1"/>
    <col min="2819" max="2819" width="8.875" style="2" customWidth="1"/>
    <col min="2820" max="2820" width="1.625" style="2" customWidth="1"/>
    <col min="2821" max="2821" width="4.125" style="2" customWidth="1"/>
    <col min="2822" max="2822" width="18.25" style="2" customWidth="1"/>
    <col min="2823" max="2824" width="7.625" style="2" customWidth="1"/>
    <col min="2825" max="2825" width="23.5" style="2" customWidth="1"/>
    <col min="2826" max="3072" width="23.5" style="2"/>
    <col min="3073" max="3073" width="4.125" style="2" customWidth="1"/>
    <col min="3074" max="3074" width="18.375" style="2" customWidth="1"/>
    <col min="3075" max="3075" width="8.875" style="2" customWidth="1"/>
    <col min="3076" max="3076" width="1.625" style="2" customWidth="1"/>
    <col min="3077" max="3077" width="4.125" style="2" customWidth="1"/>
    <col min="3078" max="3078" width="18.25" style="2" customWidth="1"/>
    <col min="3079" max="3080" width="7.625" style="2" customWidth="1"/>
    <col min="3081" max="3081" width="23.5" style="2" customWidth="1"/>
    <col min="3082" max="3328" width="23.5" style="2"/>
    <col min="3329" max="3329" width="4.125" style="2" customWidth="1"/>
    <col min="3330" max="3330" width="18.375" style="2" customWidth="1"/>
    <col min="3331" max="3331" width="8.875" style="2" customWidth="1"/>
    <col min="3332" max="3332" width="1.625" style="2" customWidth="1"/>
    <col min="3333" max="3333" width="4.125" style="2" customWidth="1"/>
    <col min="3334" max="3334" width="18.25" style="2" customWidth="1"/>
    <col min="3335" max="3336" width="7.625" style="2" customWidth="1"/>
    <col min="3337" max="3337" width="23.5" style="2" customWidth="1"/>
    <col min="3338" max="3584" width="23.5" style="2"/>
    <col min="3585" max="3585" width="4.125" style="2" customWidth="1"/>
    <col min="3586" max="3586" width="18.375" style="2" customWidth="1"/>
    <col min="3587" max="3587" width="8.875" style="2" customWidth="1"/>
    <col min="3588" max="3588" width="1.625" style="2" customWidth="1"/>
    <col min="3589" max="3589" width="4.125" style="2" customWidth="1"/>
    <col min="3590" max="3590" width="18.25" style="2" customWidth="1"/>
    <col min="3591" max="3592" width="7.625" style="2" customWidth="1"/>
    <col min="3593" max="3593" width="23.5" style="2" customWidth="1"/>
    <col min="3594" max="3840" width="23.5" style="2"/>
    <col min="3841" max="3841" width="4.125" style="2" customWidth="1"/>
    <col min="3842" max="3842" width="18.375" style="2" customWidth="1"/>
    <col min="3843" max="3843" width="8.875" style="2" customWidth="1"/>
    <col min="3844" max="3844" width="1.625" style="2" customWidth="1"/>
    <col min="3845" max="3845" width="4.125" style="2" customWidth="1"/>
    <col min="3846" max="3846" width="18.25" style="2" customWidth="1"/>
    <col min="3847" max="3848" width="7.625" style="2" customWidth="1"/>
    <col min="3849" max="3849" width="23.5" style="2" customWidth="1"/>
    <col min="3850" max="4096" width="23.5" style="2"/>
    <col min="4097" max="4097" width="4.125" style="2" customWidth="1"/>
    <col min="4098" max="4098" width="18.375" style="2" customWidth="1"/>
    <col min="4099" max="4099" width="8.875" style="2" customWidth="1"/>
    <col min="4100" max="4100" width="1.625" style="2" customWidth="1"/>
    <col min="4101" max="4101" width="4.125" style="2" customWidth="1"/>
    <col min="4102" max="4102" width="18.25" style="2" customWidth="1"/>
    <col min="4103" max="4104" width="7.625" style="2" customWidth="1"/>
    <col min="4105" max="4105" width="23.5" style="2" customWidth="1"/>
    <col min="4106" max="4352" width="23.5" style="2"/>
    <col min="4353" max="4353" width="4.125" style="2" customWidth="1"/>
    <col min="4354" max="4354" width="18.375" style="2" customWidth="1"/>
    <col min="4355" max="4355" width="8.875" style="2" customWidth="1"/>
    <col min="4356" max="4356" width="1.625" style="2" customWidth="1"/>
    <col min="4357" max="4357" width="4.125" style="2" customWidth="1"/>
    <col min="4358" max="4358" width="18.25" style="2" customWidth="1"/>
    <col min="4359" max="4360" width="7.625" style="2" customWidth="1"/>
    <col min="4361" max="4361" width="23.5" style="2" customWidth="1"/>
    <col min="4362" max="4608" width="23.5" style="2"/>
    <col min="4609" max="4609" width="4.125" style="2" customWidth="1"/>
    <col min="4610" max="4610" width="18.375" style="2" customWidth="1"/>
    <col min="4611" max="4611" width="8.875" style="2" customWidth="1"/>
    <col min="4612" max="4612" width="1.625" style="2" customWidth="1"/>
    <col min="4613" max="4613" width="4.125" style="2" customWidth="1"/>
    <col min="4614" max="4614" width="18.25" style="2" customWidth="1"/>
    <col min="4615" max="4616" width="7.625" style="2" customWidth="1"/>
    <col min="4617" max="4617" width="23.5" style="2" customWidth="1"/>
    <col min="4618" max="4864" width="23.5" style="2"/>
    <col min="4865" max="4865" width="4.125" style="2" customWidth="1"/>
    <col min="4866" max="4866" width="18.375" style="2" customWidth="1"/>
    <col min="4867" max="4867" width="8.875" style="2" customWidth="1"/>
    <col min="4868" max="4868" width="1.625" style="2" customWidth="1"/>
    <col min="4869" max="4869" width="4.125" style="2" customWidth="1"/>
    <col min="4870" max="4870" width="18.25" style="2" customWidth="1"/>
    <col min="4871" max="4872" width="7.625" style="2" customWidth="1"/>
    <col min="4873" max="4873" width="23.5" style="2" customWidth="1"/>
    <col min="4874" max="5120" width="23.5" style="2"/>
    <col min="5121" max="5121" width="4.125" style="2" customWidth="1"/>
    <col min="5122" max="5122" width="18.375" style="2" customWidth="1"/>
    <col min="5123" max="5123" width="8.875" style="2" customWidth="1"/>
    <col min="5124" max="5124" width="1.625" style="2" customWidth="1"/>
    <col min="5125" max="5125" width="4.125" style="2" customWidth="1"/>
    <col min="5126" max="5126" width="18.25" style="2" customWidth="1"/>
    <col min="5127" max="5128" width="7.625" style="2" customWidth="1"/>
    <col min="5129" max="5129" width="23.5" style="2" customWidth="1"/>
    <col min="5130" max="5376" width="23.5" style="2"/>
    <col min="5377" max="5377" width="4.125" style="2" customWidth="1"/>
    <col min="5378" max="5378" width="18.375" style="2" customWidth="1"/>
    <col min="5379" max="5379" width="8.875" style="2" customWidth="1"/>
    <col min="5380" max="5380" width="1.625" style="2" customWidth="1"/>
    <col min="5381" max="5381" width="4.125" style="2" customWidth="1"/>
    <col min="5382" max="5382" width="18.25" style="2" customWidth="1"/>
    <col min="5383" max="5384" width="7.625" style="2" customWidth="1"/>
    <col min="5385" max="5385" width="23.5" style="2" customWidth="1"/>
    <col min="5386" max="5632" width="23.5" style="2"/>
    <col min="5633" max="5633" width="4.125" style="2" customWidth="1"/>
    <col min="5634" max="5634" width="18.375" style="2" customWidth="1"/>
    <col min="5635" max="5635" width="8.875" style="2" customWidth="1"/>
    <col min="5636" max="5636" width="1.625" style="2" customWidth="1"/>
    <col min="5637" max="5637" width="4.125" style="2" customWidth="1"/>
    <col min="5638" max="5638" width="18.25" style="2" customWidth="1"/>
    <col min="5639" max="5640" width="7.625" style="2" customWidth="1"/>
    <col min="5641" max="5641" width="23.5" style="2" customWidth="1"/>
    <col min="5642" max="5888" width="23.5" style="2"/>
    <col min="5889" max="5889" width="4.125" style="2" customWidth="1"/>
    <col min="5890" max="5890" width="18.375" style="2" customWidth="1"/>
    <col min="5891" max="5891" width="8.875" style="2" customWidth="1"/>
    <col min="5892" max="5892" width="1.625" style="2" customWidth="1"/>
    <col min="5893" max="5893" width="4.125" style="2" customWidth="1"/>
    <col min="5894" max="5894" width="18.25" style="2" customWidth="1"/>
    <col min="5895" max="5896" width="7.625" style="2" customWidth="1"/>
    <col min="5897" max="5897" width="23.5" style="2" customWidth="1"/>
    <col min="5898" max="6144" width="23.5" style="2"/>
    <col min="6145" max="6145" width="4.125" style="2" customWidth="1"/>
    <col min="6146" max="6146" width="18.375" style="2" customWidth="1"/>
    <col min="6147" max="6147" width="8.875" style="2" customWidth="1"/>
    <col min="6148" max="6148" width="1.625" style="2" customWidth="1"/>
    <col min="6149" max="6149" width="4.125" style="2" customWidth="1"/>
    <col min="6150" max="6150" width="18.25" style="2" customWidth="1"/>
    <col min="6151" max="6152" width="7.625" style="2" customWidth="1"/>
    <col min="6153" max="6153" width="23.5" style="2" customWidth="1"/>
    <col min="6154" max="6400" width="23.5" style="2"/>
    <col min="6401" max="6401" width="4.125" style="2" customWidth="1"/>
    <col min="6402" max="6402" width="18.375" style="2" customWidth="1"/>
    <col min="6403" max="6403" width="8.875" style="2" customWidth="1"/>
    <col min="6404" max="6404" width="1.625" style="2" customWidth="1"/>
    <col min="6405" max="6405" width="4.125" style="2" customWidth="1"/>
    <col min="6406" max="6406" width="18.25" style="2" customWidth="1"/>
    <col min="6407" max="6408" width="7.625" style="2" customWidth="1"/>
    <col min="6409" max="6409" width="23.5" style="2" customWidth="1"/>
    <col min="6410" max="6656" width="23.5" style="2"/>
    <col min="6657" max="6657" width="4.125" style="2" customWidth="1"/>
    <col min="6658" max="6658" width="18.375" style="2" customWidth="1"/>
    <col min="6659" max="6659" width="8.875" style="2" customWidth="1"/>
    <col min="6660" max="6660" width="1.625" style="2" customWidth="1"/>
    <col min="6661" max="6661" width="4.125" style="2" customWidth="1"/>
    <col min="6662" max="6662" width="18.25" style="2" customWidth="1"/>
    <col min="6663" max="6664" width="7.625" style="2" customWidth="1"/>
    <col min="6665" max="6665" width="23.5" style="2" customWidth="1"/>
    <col min="6666" max="6912" width="23.5" style="2"/>
    <col min="6913" max="6913" width="4.125" style="2" customWidth="1"/>
    <col min="6914" max="6914" width="18.375" style="2" customWidth="1"/>
    <col min="6915" max="6915" width="8.875" style="2" customWidth="1"/>
    <col min="6916" max="6916" width="1.625" style="2" customWidth="1"/>
    <col min="6917" max="6917" width="4.125" style="2" customWidth="1"/>
    <col min="6918" max="6918" width="18.25" style="2" customWidth="1"/>
    <col min="6919" max="6920" width="7.625" style="2" customWidth="1"/>
    <col min="6921" max="6921" width="23.5" style="2" customWidth="1"/>
    <col min="6922" max="7168" width="23.5" style="2"/>
    <col min="7169" max="7169" width="4.125" style="2" customWidth="1"/>
    <col min="7170" max="7170" width="18.375" style="2" customWidth="1"/>
    <col min="7171" max="7171" width="8.875" style="2" customWidth="1"/>
    <col min="7172" max="7172" width="1.625" style="2" customWidth="1"/>
    <col min="7173" max="7173" width="4.125" style="2" customWidth="1"/>
    <col min="7174" max="7174" width="18.25" style="2" customWidth="1"/>
    <col min="7175" max="7176" width="7.625" style="2" customWidth="1"/>
    <col min="7177" max="7177" width="23.5" style="2" customWidth="1"/>
    <col min="7178" max="7424" width="23.5" style="2"/>
    <col min="7425" max="7425" width="4.125" style="2" customWidth="1"/>
    <col min="7426" max="7426" width="18.375" style="2" customWidth="1"/>
    <col min="7427" max="7427" width="8.875" style="2" customWidth="1"/>
    <col min="7428" max="7428" width="1.625" style="2" customWidth="1"/>
    <col min="7429" max="7429" width="4.125" style="2" customWidth="1"/>
    <col min="7430" max="7430" width="18.25" style="2" customWidth="1"/>
    <col min="7431" max="7432" width="7.625" style="2" customWidth="1"/>
    <col min="7433" max="7433" width="23.5" style="2" customWidth="1"/>
    <col min="7434" max="7680" width="23.5" style="2"/>
    <col min="7681" max="7681" width="4.125" style="2" customWidth="1"/>
    <col min="7682" max="7682" width="18.375" style="2" customWidth="1"/>
    <col min="7683" max="7683" width="8.875" style="2" customWidth="1"/>
    <col min="7684" max="7684" width="1.625" style="2" customWidth="1"/>
    <col min="7685" max="7685" width="4.125" style="2" customWidth="1"/>
    <col min="7686" max="7686" width="18.25" style="2" customWidth="1"/>
    <col min="7687" max="7688" width="7.625" style="2" customWidth="1"/>
    <col min="7689" max="7689" width="23.5" style="2" customWidth="1"/>
    <col min="7690" max="7936" width="23.5" style="2"/>
    <col min="7937" max="7937" width="4.125" style="2" customWidth="1"/>
    <col min="7938" max="7938" width="18.375" style="2" customWidth="1"/>
    <col min="7939" max="7939" width="8.875" style="2" customWidth="1"/>
    <col min="7940" max="7940" width="1.625" style="2" customWidth="1"/>
    <col min="7941" max="7941" width="4.125" style="2" customWidth="1"/>
    <col min="7942" max="7942" width="18.25" style="2" customWidth="1"/>
    <col min="7943" max="7944" width="7.625" style="2" customWidth="1"/>
    <col min="7945" max="7945" width="23.5" style="2" customWidth="1"/>
    <col min="7946" max="8192" width="23.5" style="2"/>
    <col min="8193" max="8193" width="4.125" style="2" customWidth="1"/>
    <col min="8194" max="8194" width="18.375" style="2" customWidth="1"/>
    <col min="8195" max="8195" width="8.875" style="2" customWidth="1"/>
    <col min="8196" max="8196" width="1.625" style="2" customWidth="1"/>
    <col min="8197" max="8197" width="4.125" style="2" customWidth="1"/>
    <col min="8198" max="8198" width="18.25" style="2" customWidth="1"/>
    <col min="8199" max="8200" width="7.625" style="2" customWidth="1"/>
    <col min="8201" max="8201" width="23.5" style="2" customWidth="1"/>
    <col min="8202" max="8448" width="23.5" style="2"/>
    <col min="8449" max="8449" width="4.125" style="2" customWidth="1"/>
    <col min="8450" max="8450" width="18.375" style="2" customWidth="1"/>
    <col min="8451" max="8451" width="8.875" style="2" customWidth="1"/>
    <col min="8452" max="8452" width="1.625" style="2" customWidth="1"/>
    <col min="8453" max="8453" width="4.125" style="2" customWidth="1"/>
    <col min="8454" max="8454" width="18.25" style="2" customWidth="1"/>
    <col min="8455" max="8456" width="7.625" style="2" customWidth="1"/>
    <col min="8457" max="8457" width="23.5" style="2" customWidth="1"/>
    <col min="8458" max="8704" width="23.5" style="2"/>
    <col min="8705" max="8705" width="4.125" style="2" customWidth="1"/>
    <col min="8706" max="8706" width="18.375" style="2" customWidth="1"/>
    <col min="8707" max="8707" width="8.875" style="2" customWidth="1"/>
    <col min="8708" max="8708" width="1.625" style="2" customWidth="1"/>
    <col min="8709" max="8709" width="4.125" style="2" customWidth="1"/>
    <col min="8710" max="8710" width="18.25" style="2" customWidth="1"/>
    <col min="8711" max="8712" width="7.625" style="2" customWidth="1"/>
    <col min="8713" max="8713" width="23.5" style="2" customWidth="1"/>
    <col min="8714" max="8960" width="23.5" style="2"/>
    <col min="8961" max="8961" width="4.125" style="2" customWidth="1"/>
    <col min="8962" max="8962" width="18.375" style="2" customWidth="1"/>
    <col min="8963" max="8963" width="8.875" style="2" customWidth="1"/>
    <col min="8964" max="8964" width="1.625" style="2" customWidth="1"/>
    <col min="8965" max="8965" width="4.125" style="2" customWidth="1"/>
    <col min="8966" max="8966" width="18.25" style="2" customWidth="1"/>
    <col min="8967" max="8968" width="7.625" style="2" customWidth="1"/>
    <col min="8969" max="8969" width="23.5" style="2" customWidth="1"/>
    <col min="8970" max="9216" width="23.5" style="2"/>
    <col min="9217" max="9217" width="4.125" style="2" customWidth="1"/>
    <col min="9218" max="9218" width="18.375" style="2" customWidth="1"/>
    <col min="9219" max="9219" width="8.875" style="2" customWidth="1"/>
    <col min="9220" max="9220" width="1.625" style="2" customWidth="1"/>
    <col min="9221" max="9221" width="4.125" style="2" customWidth="1"/>
    <col min="9222" max="9222" width="18.25" style="2" customWidth="1"/>
    <col min="9223" max="9224" width="7.625" style="2" customWidth="1"/>
    <col min="9225" max="9225" width="23.5" style="2" customWidth="1"/>
    <col min="9226" max="9472" width="23.5" style="2"/>
    <col min="9473" max="9473" width="4.125" style="2" customWidth="1"/>
    <col min="9474" max="9474" width="18.375" style="2" customWidth="1"/>
    <col min="9475" max="9475" width="8.875" style="2" customWidth="1"/>
    <col min="9476" max="9476" width="1.625" style="2" customWidth="1"/>
    <col min="9477" max="9477" width="4.125" style="2" customWidth="1"/>
    <col min="9478" max="9478" width="18.25" style="2" customWidth="1"/>
    <col min="9479" max="9480" width="7.625" style="2" customWidth="1"/>
    <col min="9481" max="9481" width="23.5" style="2" customWidth="1"/>
    <col min="9482" max="9728" width="23.5" style="2"/>
    <col min="9729" max="9729" width="4.125" style="2" customWidth="1"/>
    <col min="9730" max="9730" width="18.375" style="2" customWidth="1"/>
    <col min="9731" max="9731" width="8.875" style="2" customWidth="1"/>
    <col min="9732" max="9732" width="1.625" style="2" customWidth="1"/>
    <col min="9733" max="9733" width="4.125" style="2" customWidth="1"/>
    <col min="9734" max="9734" width="18.25" style="2" customWidth="1"/>
    <col min="9735" max="9736" width="7.625" style="2" customWidth="1"/>
    <col min="9737" max="9737" width="23.5" style="2" customWidth="1"/>
    <col min="9738" max="9984" width="23.5" style="2"/>
    <col min="9985" max="9985" width="4.125" style="2" customWidth="1"/>
    <col min="9986" max="9986" width="18.375" style="2" customWidth="1"/>
    <col min="9987" max="9987" width="8.875" style="2" customWidth="1"/>
    <col min="9988" max="9988" width="1.625" style="2" customWidth="1"/>
    <col min="9989" max="9989" width="4.125" style="2" customWidth="1"/>
    <col min="9990" max="9990" width="18.25" style="2" customWidth="1"/>
    <col min="9991" max="9992" width="7.625" style="2" customWidth="1"/>
    <col min="9993" max="9993" width="23.5" style="2" customWidth="1"/>
    <col min="9994" max="10240" width="23.5" style="2"/>
    <col min="10241" max="10241" width="4.125" style="2" customWidth="1"/>
    <col min="10242" max="10242" width="18.375" style="2" customWidth="1"/>
    <col min="10243" max="10243" width="8.875" style="2" customWidth="1"/>
    <col min="10244" max="10244" width="1.625" style="2" customWidth="1"/>
    <col min="10245" max="10245" width="4.125" style="2" customWidth="1"/>
    <col min="10246" max="10246" width="18.25" style="2" customWidth="1"/>
    <col min="10247" max="10248" width="7.625" style="2" customWidth="1"/>
    <col min="10249" max="10249" width="23.5" style="2" customWidth="1"/>
    <col min="10250" max="10496" width="23.5" style="2"/>
    <col min="10497" max="10497" width="4.125" style="2" customWidth="1"/>
    <col min="10498" max="10498" width="18.375" style="2" customWidth="1"/>
    <col min="10499" max="10499" width="8.875" style="2" customWidth="1"/>
    <col min="10500" max="10500" width="1.625" style="2" customWidth="1"/>
    <col min="10501" max="10501" width="4.125" style="2" customWidth="1"/>
    <col min="10502" max="10502" width="18.25" style="2" customWidth="1"/>
    <col min="10503" max="10504" width="7.625" style="2" customWidth="1"/>
    <col min="10505" max="10505" width="23.5" style="2" customWidth="1"/>
    <col min="10506" max="10752" width="23.5" style="2"/>
    <col min="10753" max="10753" width="4.125" style="2" customWidth="1"/>
    <col min="10754" max="10754" width="18.375" style="2" customWidth="1"/>
    <col min="10755" max="10755" width="8.875" style="2" customWidth="1"/>
    <col min="10756" max="10756" width="1.625" style="2" customWidth="1"/>
    <col min="10757" max="10757" width="4.125" style="2" customWidth="1"/>
    <col min="10758" max="10758" width="18.25" style="2" customWidth="1"/>
    <col min="10759" max="10760" width="7.625" style="2" customWidth="1"/>
    <col min="10761" max="10761" width="23.5" style="2" customWidth="1"/>
    <col min="10762" max="11008" width="23.5" style="2"/>
    <col min="11009" max="11009" width="4.125" style="2" customWidth="1"/>
    <col min="11010" max="11010" width="18.375" style="2" customWidth="1"/>
    <col min="11011" max="11011" width="8.875" style="2" customWidth="1"/>
    <col min="11012" max="11012" width="1.625" style="2" customWidth="1"/>
    <col min="11013" max="11013" width="4.125" style="2" customWidth="1"/>
    <col min="11014" max="11014" width="18.25" style="2" customWidth="1"/>
    <col min="11015" max="11016" width="7.625" style="2" customWidth="1"/>
    <col min="11017" max="11017" width="23.5" style="2" customWidth="1"/>
    <col min="11018" max="11264" width="23.5" style="2"/>
    <col min="11265" max="11265" width="4.125" style="2" customWidth="1"/>
    <col min="11266" max="11266" width="18.375" style="2" customWidth="1"/>
    <col min="11267" max="11267" width="8.875" style="2" customWidth="1"/>
    <col min="11268" max="11268" width="1.625" style="2" customWidth="1"/>
    <col min="11269" max="11269" width="4.125" style="2" customWidth="1"/>
    <col min="11270" max="11270" width="18.25" style="2" customWidth="1"/>
    <col min="11271" max="11272" width="7.625" style="2" customWidth="1"/>
    <col min="11273" max="11273" width="23.5" style="2" customWidth="1"/>
    <col min="11274" max="11520" width="23.5" style="2"/>
    <col min="11521" max="11521" width="4.125" style="2" customWidth="1"/>
    <col min="11522" max="11522" width="18.375" style="2" customWidth="1"/>
    <col min="11523" max="11523" width="8.875" style="2" customWidth="1"/>
    <col min="11524" max="11524" width="1.625" style="2" customWidth="1"/>
    <col min="11525" max="11525" width="4.125" style="2" customWidth="1"/>
    <col min="11526" max="11526" width="18.25" style="2" customWidth="1"/>
    <col min="11527" max="11528" width="7.625" style="2" customWidth="1"/>
    <col min="11529" max="11529" width="23.5" style="2" customWidth="1"/>
    <col min="11530" max="11776" width="23.5" style="2"/>
    <col min="11777" max="11777" width="4.125" style="2" customWidth="1"/>
    <col min="11778" max="11778" width="18.375" style="2" customWidth="1"/>
    <col min="11779" max="11779" width="8.875" style="2" customWidth="1"/>
    <col min="11780" max="11780" width="1.625" style="2" customWidth="1"/>
    <col min="11781" max="11781" width="4.125" style="2" customWidth="1"/>
    <col min="11782" max="11782" width="18.25" style="2" customWidth="1"/>
    <col min="11783" max="11784" width="7.625" style="2" customWidth="1"/>
    <col min="11785" max="11785" width="23.5" style="2" customWidth="1"/>
    <col min="11786" max="12032" width="23.5" style="2"/>
    <col min="12033" max="12033" width="4.125" style="2" customWidth="1"/>
    <col min="12034" max="12034" width="18.375" style="2" customWidth="1"/>
    <col min="12035" max="12035" width="8.875" style="2" customWidth="1"/>
    <col min="12036" max="12036" width="1.625" style="2" customWidth="1"/>
    <col min="12037" max="12037" width="4.125" style="2" customWidth="1"/>
    <col min="12038" max="12038" width="18.25" style="2" customWidth="1"/>
    <col min="12039" max="12040" width="7.625" style="2" customWidth="1"/>
    <col min="12041" max="12041" width="23.5" style="2" customWidth="1"/>
    <col min="12042" max="12288" width="23.5" style="2"/>
    <col min="12289" max="12289" width="4.125" style="2" customWidth="1"/>
    <col min="12290" max="12290" width="18.375" style="2" customWidth="1"/>
    <col min="12291" max="12291" width="8.875" style="2" customWidth="1"/>
    <col min="12292" max="12292" width="1.625" style="2" customWidth="1"/>
    <col min="12293" max="12293" width="4.125" style="2" customWidth="1"/>
    <col min="12294" max="12294" width="18.25" style="2" customWidth="1"/>
    <col min="12295" max="12296" width="7.625" style="2" customWidth="1"/>
    <col min="12297" max="12297" width="23.5" style="2" customWidth="1"/>
    <col min="12298" max="12544" width="23.5" style="2"/>
    <col min="12545" max="12545" width="4.125" style="2" customWidth="1"/>
    <col min="12546" max="12546" width="18.375" style="2" customWidth="1"/>
    <col min="12547" max="12547" width="8.875" style="2" customWidth="1"/>
    <col min="12548" max="12548" width="1.625" style="2" customWidth="1"/>
    <col min="12549" max="12549" width="4.125" style="2" customWidth="1"/>
    <col min="12550" max="12550" width="18.25" style="2" customWidth="1"/>
    <col min="12551" max="12552" width="7.625" style="2" customWidth="1"/>
    <col min="12553" max="12553" width="23.5" style="2" customWidth="1"/>
    <col min="12554" max="12800" width="23.5" style="2"/>
    <col min="12801" max="12801" width="4.125" style="2" customWidth="1"/>
    <col min="12802" max="12802" width="18.375" style="2" customWidth="1"/>
    <col min="12803" max="12803" width="8.875" style="2" customWidth="1"/>
    <col min="12804" max="12804" width="1.625" style="2" customWidth="1"/>
    <col min="12805" max="12805" width="4.125" style="2" customWidth="1"/>
    <col min="12806" max="12806" width="18.25" style="2" customWidth="1"/>
    <col min="12807" max="12808" width="7.625" style="2" customWidth="1"/>
    <col min="12809" max="12809" width="23.5" style="2" customWidth="1"/>
    <col min="12810" max="13056" width="23.5" style="2"/>
    <col min="13057" max="13057" width="4.125" style="2" customWidth="1"/>
    <col min="13058" max="13058" width="18.375" style="2" customWidth="1"/>
    <col min="13059" max="13059" width="8.875" style="2" customWidth="1"/>
    <col min="13060" max="13060" width="1.625" style="2" customWidth="1"/>
    <col min="13061" max="13061" width="4.125" style="2" customWidth="1"/>
    <col min="13062" max="13062" width="18.25" style="2" customWidth="1"/>
    <col min="13063" max="13064" width="7.625" style="2" customWidth="1"/>
    <col min="13065" max="13065" width="23.5" style="2" customWidth="1"/>
    <col min="13066" max="13312" width="23.5" style="2"/>
    <col min="13313" max="13313" width="4.125" style="2" customWidth="1"/>
    <col min="13314" max="13314" width="18.375" style="2" customWidth="1"/>
    <col min="13315" max="13315" width="8.875" style="2" customWidth="1"/>
    <col min="13316" max="13316" width="1.625" style="2" customWidth="1"/>
    <col min="13317" max="13317" width="4.125" style="2" customWidth="1"/>
    <col min="13318" max="13318" width="18.25" style="2" customWidth="1"/>
    <col min="13319" max="13320" width="7.625" style="2" customWidth="1"/>
    <col min="13321" max="13321" width="23.5" style="2" customWidth="1"/>
    <col min="13322" max="13568" width="23.5" style="2"/>
    <col min="13569" max="13569" width="4.125" style="2" customWidth="1"/>
    <col min="13570" max="13570" width="18.375" style="2" customWidth="1"/>
    <col min="13571" max="13571" width="8.875" style="2" customWidth="1"/>
    <col min="13572" max="13572" width="1.625" style="2" customWidth="1"/>
    <col min="13573" max="13573" width="4.125" style="2" customWidth="1"/>
    <col min="13574" max="13574" width="18.25" style="2" customWidth="1"/>
    <col min="13575" max="13576" width="7.625" style="2" customWidth="1"/>
    <col min="13577" max="13577" width="23.5" style="2" customWidth="1"/>
    <col min="13578" max="13824" width="23.5" style="2"/>
    <col min="13825" max="13825" width="4.125" style="2" customWidth="1"/>
    <col min="13826" max="13826" width="18.375" style="2" customWidth="1"/>
    <col min="13827" max="13827" width="8.875" style="2" customWidth="1"/>
    <col min="13828" max="13828" width="1.625" style="2" customWidth="1"/>
    <col min="13829" max="13829" width="4.125" style="2" customWidth="1"/>
    <col min="13830" max="13830" width="18.25" style="2" customWidth="1"/>
    <col min="13831" max="13832" width="7.625" style="2" customWidth="1"/>
    <col min="13833" max="13833" width="23.5" style="2" customWidth="1"/>
    <col min="13834" max="14080" width="23.5" style="2"/>
    <col min="14081" max="14081" width="4.125" style="2" customWidth="1"/>
    <col min="14082" max="14082" width="18.375" style="2" customWidth="1"/>
    <col min="14083" max="14083" width="8.875" style="2" customWidth="1"/>
    <col min="14084" max="14084" width="1.625" style="2" customWidth="1"/>
    <col min="14085" max="14085" width="4.125" style="2" customWidth="1"/>
    <col min="14086" max="14086" width="18.25" style="2" customWidth="1"/>
    <col min="14087" max="14088" width="7.625" style="2" customWidth="1"/>
    <col min="14089" max="14089" width="23.5" style="2" customWidth="1"/>
    <col min="14090" max="14336" width="23.5" style="2"/>
    <col min="14337" max="14337" width="4.125" style="2" customWidth="1"/>
    <col min="14338" max="14338" width="18.375" style="2" customWidth="1"/>
    <col min="14339" max="14339" width="8.875" style="2" customWidth="1"/>
    <col min="14340" max="14340" width="1.625" style="2" customWidth="1"/>
    <col min="14341" max="14341" width="4.125" style="2" customWidth="1"/>
    <col min="14342" max="14342" width="18.25" style="2" customWidth="1"/>
    <col min="14343" max="14344" width="7.625" style="2" customWidth="1"/>
    <col min="14345" max="14345" width="23.5" style="2" customWidth="1"/>
    <col min="14346" max="14592" width="23.5" style="2"/>
    <col min="14593" max="14593" width="4.125" style="2" customWidth="1"/>
    <col min="14594" max="14594" width="18.375" style="2" customWidth="1"/>
    <col min="14595" max="14595" width="8.875" style="2" customWidth="1"/>
    <col min="14596" max="14596" width="1.625" style="2" customWidth="1"/>
    <col min="14597" max="14597" width="4.125" style="2" customWidth="1"/>
    <col min="14598" max="14598" width="18.25" style="2" customWidth="1"/>
    <col min="14599" max="14600" width="7.625" style="2" customWidth="1"/>
    <col min="14601" max="14601" width="23.5" style="2" customWidth="1"/>
    <col min="14602" max="14848" width="23.5" style="2"/>
    <col min="14849" max="14849" width="4.125" style="2" customWidth="1"/>
    <col min="14850" max="14850" width="18.375" style="2" customWidth="1"/>
    <col min="14851" max="14851" width="8.875" style="2" customWidth="1"/>
    <col min="14852" max="14852" width="1.625" style="2" customWidth="1"/>
    <col min="14853" max="14853" width="4.125" style="2" customWidth="1"/>
    <col min="14854" max="14854" width="18.25" style="2" customWidth="1"/>
    <col min="14855" max="14856" width="7.625" style="2" customWidth="1"/>
    <col min="14857" max="14857" width="23.5" style="2" customWidth="1"/>
    <col min="14858" max="15104" width="23.5" style="2"/>
    <col min="15105" max="15105" width="4.125" style="2" customWidth="1"/>
    <col min="15106" max="15106" width="18.375" style="2" customWidth="1"/>
    <col min="15107" max="15107" width="8.875" style="2" customWidth="1"/>
    <col min="15108" max="15108" width="1.625" style="2" customWidth="1"/>
    <col min="15109" max="15109" width="4.125" style="2" customWidth="1"/>
    <col min="15110" max="15110" width="18.25" style="2" customWidth="1"/>
    <col min="15111" max="15112" width="7.625" style="2" customWidth="1"/>
    <col min="15113" max="15113" width="23.5" style="2" customWidth="1"/>
    <col min="15114" max="15360" width="23.5" style="2"/>
    <col min="15361" max="15361" width="4.125" style="2" customWidth="1"/>
    <col min="15362" max="15362" width="18.375" style="2" customWidth="1"/>
    <col min="15363" max="15363" width="8.875" style="2" customWidth="1"/>
    <col min="15364" max="15364" width="1.625" style="2" customWidth="1"/>
    <col min="15365" max="15365" width="4.125" style="2" customWidth="1"/>
    <col min="15366" max="15366" width="18.25" style="2" customWidth="1"/>
    <col min="15367" max="15368" width="7.625" style="2" customWidth="1"/>
    <col min="15369" max="15369" width="23.5" style="2" customWidth="1"/>
    <col min="15370" max="15616" width="23.5" style="2"/>
    <col min="15617" max="15617" width="4.125" style="2" customWidth="1"/>
    <col min="15618" max="15618" width="18.375" style="2" customWidth="1"/>
    <col min="15619" max="15619" width="8.875" style="2" customWidth="1"/>
    <col min="15620" max="15620" width="1.625" style="2" customWidth="1"/>
    <col min="15621" max="15621" width="4.125" style="2" customWidth="1"/>
    <col min="15622" max="15622" width="18.25" style="2" customWidth="1"/>
    <col min="15623" max="15624" width="7.625" style="2" customWidth="1"/>
    <col min="15625" max="15625" width="23.5" style="2" customWidth="1"/>
    <col min="15626" max="15872" width="23.5" style="2"/>
    <col min="15873" max="15873" width="4.125" style="2" customWidth="1"/>
    <col min="15874" max="15874" width="18.375" style="2" customWidth="1"/>
    <col min="15875" max="15875" width="8.875" style="2" customWidth="1"/>
    <col min="15876" max="15876" width="1.625" style="2" customWidth="1"/>
    <col min="15877" max="15877" width="4.125" style="2" customWidth="1"/>
    <col min="15878" max="15878" width="18.25" style="2" customWidth="1"/>
    <col min="15879" max="15880" width="7.625" style="2" customWidth="1"/>
    <col min="15881" max="15881" width="23.5" style="2" customWidth="1"/>
    <col min="15882" max="16128" width="23.5" style="2"/>
    <col min="16129" max="16129" width="4.125" style="2" customWidth="1"/>
    <col min="16130" max="16130" width="18.375" style="2" customWidth="1"/>
    <col min="16131" max="16131" width="8.875" style="2" customWidth="1"/>
    <col min="16132" max="16132" width="1.625" style="2" customWidth="1"/>
    <col min="16133" max="16133" width="4.125" style="2" customWidth="1"/>
    <col min="16134" max="16134" width="18.25" style="2" customWidth="1"/>
    <col min="16135" max="16136" width="7.625" style="2" customWidth="1"/>
    <col min="16137" max="16137" width="23.5" style="2" customWidth="1"/>
    <col min="16138" max="16384" width="23.5" style="2"/>
  </cols>
  <sheetData>
    <row r="1" spans="1:8" ht="24.95" customHeight="1" x14ac:dyDescent="0.15">
      <c r="A1" s="646"/>
      <c r="B1" s="779" t="s">
        <v>389</v>
      </c>
      <c r="C1" s="779"/>
      <c r="D1" s="779"/>
      <c r="E1" s="779"/>
      <c r="F1" s="779"/>
      <c r="G1" s="779"/>
      <c r="H1" s="779"/>
    </row>
    <row r="2" spans="1:8" ht="7.5" customHeight="1" x14ac:dyDescent="0.15">
      <c r="A2" s="645"/>
      <c r="B2" s="4"/>
      <c r="C2" s="4"/>
      <c r="D2" s="4"/>
      <c r="E2" s="3"/>
      <c r="F2" s="3"/>
      <c r="G2" s="4"/>
      <c r="H2" s="4"/>
    </row>
    <row r="3" spans="1:8" ht="12.75" customHeight="1" x14ac:dyDescent="0.15">
      <c r="A3" s="774" t="s">
        <v>390</v>
      </c>
      <c r="B3" s="659" t="s">
        <v>1</v>
      </c>
      <c r="C3" s="188" t="s">
        <v>2</v>
      </c>
      <c r="D3" s="3"/>
      <c r="E3" s="780" t="s">
        <v>391</v>
      </c>
      <c r="F3" s="662" t="s">
        <v>1</v>
      </c>
      <c r="G3" s="189" t="s">
        <v>2</v>
      </c>
      <c r="H3" s="189" t="s">
        <v>3</v>
      </c>
    </row>
    <row r="4" spans="1:8" ht="12.75" customHeight="1" x14ac:dyDescent="0.15">
      <c r="A4" s="775"/>
      <c r="B4" s="190" t="s">
        <v>392</v>
      </c>
      <c r="C4" s="191">
        <v>0.2986111111111111</v>
      </c>
      <c r="D4" s="3"/>
      <c r="E4" s="781"/>
      <c r="F4" s="192" t="s">
        <v>24</v>
      </c>
      <c r="G4" s="193">
        <v>0.67291666666666661</v>
      </c>
      <c r="H4" s="193">
        <v>0.73958333333333337</v>
      </c>
    </row>
    <row r="5" spans="1:8" ht="12.75" customHeight="1" x14ac:dyDescent="0.15">
      <c r="A5" s="775"/>
      <c r="B5" s="190" t="s">
        <v>393</v>
      </c>
      <c r="C5" s="191">
        <v>0.29930555555555555</v>
      </c>
      <c r="D5" s="3"/>
      <c r="E5" s="781"/>
      <c r="F5" s="192" t="s">
        <v>26</v>
      </c>
      <c r="G5" s="193">
        <v>0.67361111111111116</v>
      </c>
      <c r="H5" s="193">
        <v>0.7402777777777777</v>
      </c>
    </row>
    <row r="6" spans="1:8" ht="12.75" customHeight="1" x14ac:dyDescent="0.15">
      <c r="A6" s="775"/>
      <c r="B6" s="190" t="s">
        <v>394</v>
      </c>
      <c r="C6" s="191">
        <v>0.3</v>
      </c>
      <c r="D6" s="3"/>
      <c r="E6" s="781"/>
      <c r="F6" s="192" t="s">
        <v>395</v>
      </c>
      <c r="G6" s="193">
        <v>0.67569444444444438</v>
      </c>
      <c r="H6" s="193">
        <v>0.74236111111111114</v>
      </c>
    </row>
    <row r="7" spans="1:8" ht="12.75" customHeight="1" x14ac:dyDescent="0.15">
      <c r="A7" s="775"/>
      <c r="B7" s="190" t="s">
        <v>396</v>
      </c>
      <c r="C7" s="191">
        <v>0.30069444444444443</v>
      </c>
      <c r="D7" s="3"/>
      <c r="E7" s="781"/>
      <c r="F7" s="192" t="s">
        <v>397</v>
      </c>
      <c r="G7" s="193">
        <v>0.67708333333333337</v>
      </c>
      <c r="H7" s="193">
        <v>0.74375000000000002</v>
      </c>
    </row>
    <row r="8" spans="1:8" ht="12.75" customHeight="1" x14ac:dyDescent="0.15">
      <c r="A8" s="775"/>
      <c r="B8" s="190" t="s">
        <v>398</v>
      </c>
      <c r="C8" s="191">
        <v>0.30138888888888887</v>
      </c>
      <c r="D8" s="3"/>
      <c r="E8" s="781"/>
      <c r="F8" s="192" t="s">
        <v>399</v>
      </c>
      <c r="G8" s="193">
        <v>0.6777777777777777</v>
      </c>
      <c r="H8" s="193">
        <v>0.74444444444444446</v>
      </c>
    </row>
    <row r="9" spans="1:8" ht="12.75" customHeight="1" x14ac:dyDescent="0.15">
      <c r="A9" s="775"/>
      <c r="B9" s="190" t="s">
        <v>400</v>
      </c>
      <c r="C9" s="191">
        <v>0.3034722222222222</v>
      </c>
      <c r="D9" s="3"/>
      <c r="E9" s="781"/>
      <c r="F9" s="192" t="s">
        <v>401</v>
      </c>
      <c r="G9" s="193">
        <v>0.6791666666666667</v>
      </c>
      <c r="H9" s="193">
        <v>0.74583333333333324</v>
      </c>
    </row>
    <row r="10" spans="1:8" ht="12.75" customHeight="1" x14ac:dyDescent="0.15">
      <c r="A10" s="775"/>
      <c r="B10" s="190" t="s">
        <v>79</v>
      </c>
      <c r="C10" s="191">
        <v>0.30416666666666664</v>
      </c>
      <c r="D10" s="3"/>
      <c r="E10" s="781"/>
      <c r="F10" s="194" t="s">
        <v>156</v>
      </c>
      <c r="G10" s="193">
        <v>0.68055555555555547</v>
      </c>
      <c r="H10" s="193">
        <v>0.74722222222222223</v>
      </c>
    </row>
    <row r="11" spans="1:8" ht="12.75" customHeight="1" x14ac:dyDescent="0.15">
      <c r="A11" s="775"/>
      <c r="B11" s="190" t="s">
        <v>402</v>
      </c>
      <c r="C11" s="191">
        <v>0.30486111111111108</v>
      </c>
      <c r="D11" s="3"/>
      <c r="E11" s="781"/>
      <c r="F11" s="192" t="s">
        <v>154</v>
      </c>
      <c r="G11" s="193">
        <v>0.68194444444444446</v>
      </c>
      <c r="H11" s="193">
        <v>0.74861111111111101</v>
      </c>
    </row>
    <row r="12" spans="1:8" ht="12.75" customHeight="1" x14ac:dyDescent="0.15">
      <c r="A12" s="775"/>
      <c r="B12" s="190" t="s">
        <v>403</v>
      </c>
      <c r="C12" s="191">
        <v>0.30555555555555552</v>
      </c>
      <c r="D12" s="3"/>
      <c r="E12" s="781"/>
      <c r="F12" s="192" t="s">
        <v>152</v>
      </c>
      <c r="G12" s="193">
        <v>0.68402777777777779</v>
      </c>
      <c r="H12" s="193">
        <v>0.75069444444444444</v>
      </c>
    </row>
    <row r="13" spans="1:8" ht="12.75" customHeight="1" x14ac:dyDescent="0.15">
      <c r="A13" s="775"/>
      <c r="B13" s="190" t="s">
        <v>404</v>
      </c>
      <c r="C13" s="191">
        <v>0.30624999999999997</v>
      </c>
      <c r="D13" s="3"/>
      <c r="E13" s="781"/>
      <c r="F13" s="192" t="s">
        <v>209</v>
      </c>
      <c r="G13" s="193">
        <v>0.68472222222222223</v>
      </c>
      <c r="H13" s="193">
        <v>0.75138888888888899</v>
      </c>
    </row>
    <row r="14" spans="1:8" ht="12.75" customHeight="1" x14ac:dyDescent="0.15">
      <c r="A14" s="775"/>
      <c r="B14" s="190" t="s">
        <v>405</v>
      </c>
      <c r="C14" s="191">
        <v>0.30694444444444441</v>
      </c>
      <c r="D14" s="3"/>
      <c r="E14" s="781"/>
      <c r="F14" s="192" t="s">
        <v>102</v>
      </c>
      <c r="G14" s="193">
        <v>0.68680555555555556</v>
      </c>
      <c r="H14" s="193">
        <v>0.75347222222222221</v>
      </c>
    </row>
    <row r="15" spans="1:8" ht="12.75" customHeight="1" x14ac:dyDescent="0.15">
      <c r="A15" s="775"/>
      <c r="B15" s="190" t="s">
        <v>406</v>
      </c>
      <c r="C15" s="191">
        <v>0.30763888888888891</v>
      </c>
      <c r="D15" s="3"/>
      <c r="E15" s="781"/>
      <c r="F15" s="195" t="s">
        <v>407</v>
      </c>
      <c r="G15" s="189">
        <v>0.68888888888888899</v>
      </c>
      <c r="H15" s="189">
        <v>0.75555555555555554</v>
      </c>
    </row>
    <row r="16" spans="1:8" ht="12.75" customHeight="1" x14ac:dyDescent="0.15">
      <c r="A16" s="775"/>
      <c r="B16" s="190" t="s">
        <v>405</v>
      </c>
      <c r="C16" s="191">
        <v>0.30833333333333335</v>
      </c>
      <c r="D16" s="3"/>
      <c r="E16" s="782"/>
      <c r="F16" s="710" t="s">
        <v>408</v>
      </c>
      <c r="G16" s="643">
        <v>0.6923611111111112</v>
      </c>
      <c r="H16" s="644">
        <v>0.75902777777777775</v>
      </c>
    </row>
    <row r="17" spans="1:8" ht="12.75" customHeight="1" x14ac:dyDescent="0.15">
      <c r="A17" s="775"/>
      <c r="B17" s="190" t="s">
        <v>404</v>
      </c>
      <c r="C17" s="191">
        <v>0.30902777777777779</v>
      </c>
      <c r="D17" s="3"/>
      <c r="E17" s="695"/>
      <c r="F17" s="3"/>
      <c r="G17" s="4"/>
      <c r="H17" s="4"/>
    </row>
    <row r="18" spans="1:8" ht="12.75" customHeight="1" x14ac:dyDescent="0.15">
      <c r="A18" s="775"/>
      <c r="B18" s="190" t="s">
        <v>409</v>
      </c>
      <c r="C18" s="191">
        <v>0.30972222222222223</v>
      </c>
      <c r="D18" s="3"/>
      <c r="E18" s="696"/>
    </row>
    <row r="19" spans="1:8" ht="12.75" customHeight="1" x14ac:dyDescent="0.15">
      <c r="A19" s="775"/>
      <c r="B19" s="190" t="s">
        <v>36</v>
      </c>
      <c r="C19" s="191">
        <v>0.31041666666666667</v>
      </c>
      <c r="D19" s="3"/>
    </row>
    <row r="20" spans="1:8" ht="12.75" customHeight="1" x14ac:dyDescent="0.15">
      <c r="A20" s="775"/>
      <c r="B20" s="190" t="s">
        <v>411</v>
      </c>
      <c r="C20" s="191">
        <v>0.31111111111111112</v>
      </c>
      <c r="D20" s="3"/>
      <c r="F20" s="708"/>
      <c r="G20" s="709"/>
      <c r="H20" s="709"/>
    </row>
    <row r="21" spans="1:8" ht="12.75" customHeight="1" x14ac:dyDescent="0.15">
      <c r="A21" s="775"/>
      <c r="B21" s="190" t="s">
        <v>412</v>
      </c>
      <c r="C21" s="191">
        <v>0.31111111111111112</v>
      </c>
      <c r="D21" s="3"/>
    </row>
    <row r="22" spans="1:8" ht="12.75" customHeight="1" x14ac:dyDescent="0.15">
      <c r="A22" s="775"/>
      <c r="B22" s="196" t="s">
        <v>886</v>
      </c>
      <c r="C22" s="197">
        <v>0.3125</v>
      </c>
      <c r="D22" s="3"/>
    </row>
    <row r="23" spans="1:8" ht="12.75" customHeight="1" x14ac:dyDescent="0.15">
      <c r="A23" s="776"/>
      <c r="B23" s="190" t="s">
        <v>408</v>
      </c>
      <c r="C23" s="191">
        <v>0.31388888888888888</v>
      </c>
      <c r="D23" s="3"/>
    </row>
    <row r="24" spans="1:8" ht="12.75" customHeight="1" x14ac:dyDescent="0.15">
      <c r="A24" s="777"/>
      <c r="B24" s="198" t="s">
        <v>407</v>
      </c>
      <c r="C24" s="642">
        <v>0.31736111111111109</v>
      </c>
      <c r="D24" s="3"/>
    </row>
    <row r="25" spans="1:8" ht="12.75" customHeight="1" x14ac:dyDescent="0.15">
      <c r="A25" s="777"/>
      <c r="B25" s="199" t="s">
        <v>102</v>
      </c>
      <c r="C25" s="191">
        <v>0.32013888888888886</v>
      </c>
      <c r="D25" s="3"/>
    </row>
    <row r="26" spans="1:8" ht="12.75" customHeight="1" x14ac:dyDescent="0.15">
      <c r="A26" s="777"/>
      <c r="B26" s="199" t="s">
        <v>209</v>
      </c>
      <c r="C26" s="191">
        <v>0.32222222222222219</v>
      </c>
      <c r="D26" s="3"/>
    </row>
    <row r="27" spans="1:8" ht="12.75" customHeight="1" x14ac:dyDescent="0.15">
      <c r="A27" s="777"/>
      <c r="B27" s="199" t="s">
        <v>152</v>
      </c>
      <c r="C27" s="191">
        <v>0.32291666666666663</v>
      </c>
      <c r="D27" s="3"/>
    </row>
    <row r="28" spans="1:8" ht="12.75" customHeight="1" x14ac:dyDescent="0.15">
      <c r="A28" s="777"/>
      <c r="B28" s="199" t="s">
        <v>154</v>
      </c>
      <c r="C28" s="191">
        <v>0.32499999999999996</v>
      </c>
      <c r="D28" s="3"/>
    </row>
    <row r="29" spans="1:8" ht="12.75" customHeight="1" x14ac:dyDescent="0.15">
      <c r="A29" s="777"/>
      <c r="B29" s="199" t="s">
        <v>156</v>
      </c>
      <c r="C29" s="191">
        <v>0.32638888888888884</v>
      </c>
      <c r="D29" s="3"/>
    </row>
    <row r="30" spans="1:8" ht="12.75" customHeight="1" x14ac:dyDescent="0.15">
      <c r="A30" s="777"/>
      <c r="B30" s="199" t="s">
        <v>401</v>
      </c>
      <c r="C30" s="191">
        <v>0.32777777777777772</v>
      </c>
      <c r="D30" s="3"/>
    </row>
    <row r="31" spans="1:8" ht="12.75" customHeight="1" x14ac:dyDescent="0.15">
      <c r="A31" s="777"/>
      <c r="B31" s="199" t="s">
        <v>399</v>
      </c>
      <c r="C31" s="191">
        <v>0.32916666666666661</v>
      </c>
      <c r="D31" s="3"/>
    </row>
    <row r="32" spans="1:8" ht="12.75" customHeight="1" x14ac:dyDescent="0.15">
      <c r="A32" s="777"/>
      <c r="B32" s="199" t="s">
        <v>397</v>
      </c>
      <c r="C32" s="191">
        <v>0.32986111111111105</v>
      </c>
      <c r="D32" s="3"/>
    </row>
    <row r="33" spans="1:9" ht="15" customHeight="1" x14ac:dyDescent="0.15">
      <c r="A33" s="777"/>
      <c r="B33" s="199" t="s">
        <v>395</v>
      </c>
      <c r="C33" s="191">
        <v>0.33124999999999993</v>
      </c>
      <c r="D33" s="2"/>
    </row>
    <row r="34" spans="1:9" ht="15" customHeight="1" x14ac:dyDescent="0.15">
      <c r="A34" s="777"/>
      <c r="B34" s="199" t="s">
        <v>26</v>
      </c>
      <c r="C34" s="191">
        <v>0.33333333333333326</v>
      </c>
      <c r="D34" s="2"/>
    </row>
    <row r="35" spans="1:9" ht="15" customHeight="1" x14ac:dyDescent="0.15">
      <c r="A35" s="778"/>
      <c r="B35" s="199" t="s">
        <v>24</v>
      </c>
      <c r="C35" s="191">
        <v>0.33402777777777776</v>
      </c>
    </row>
    <row r="36" spans="1:9" ht="15" customHeight="1" x14ac:dyDescent="0.15"/>
    <row r="37" spans="1:9" ht="15" customHeight="1" x14ac:dyDescent="0.15"/>
    <row r="38" spans="1:9" s="41" customFormat="1" ht="15" customHeight="1" x14ac:dyDescent="0.15">
      <c r="E38" s="2"/>
      <c r="F38" s="2"/>
      <c r="I38" s="2"/>
    </row>
    <row r="39" spans="1:9" s="41" customFormat="1" ht="15" customHeight="1" x14ac:dyDescent="0.15">
      <c r="E39" s="2"/>
      <c r="F39" s="2"/>
      <c r="I39" s="2"/>
    </row>
    <row r="40" spans="1:9" s="41" customFormat="1" ht="15" customHeight="1" x14ac:dyDescent="0.15">
      <c r="E40" s="2"/>
      <c r="F40" s="2"/>
      <c r="I40" s="2"/>
    </row>
    <row r="41" spans="1:9" s="41" customFormat="1" ht="15" customHeight="1" x14ac:dyDescent="0.15">
      <c r="E41" s="2"/>
      <c r="F41" s="2"/>
      <c r="I41" s="2"/>
    </row>
    <row r="42" spans="1:9" s="41" customFormat="1" ht="15" customHeight="1" x14ac:dyDescent="0.15">
      <c r="E42" s="2"/>
      <c r="F42" s="2"/>
      <c r="I42" s="2"/>
    </row>
    <row r="43" spans="1:9" s="41" customFormat="1" ht="15" customHeight="1" x14ac:dyDescent="0.15">
      <c r="E43" s="2"/>
      <c r="F43" s="2"/>
      <c r="I43" s="2"/>
    </row>
    <row r="44" spans="1:9" s="41" customFormat="1" ht="15" customHeight="1" x14ac:dyDescent="0.15">
      <c r="E44" s="2"/>
      <c r="F44" s="2"/>
      <c r="I44" s="2"/>
    </row>
    <row r="45" spans="1:9" s="41" customFormat="1" ht="15" customHeight="1" x14ac:dyDescent="0.15">
      <c r="E45" s="2"/>
      <c r="F45" s="2"/>
      <c r="I45" s="2"/>
    </row>
    <row r="46" spans="1:9" s="41" customFormat="1" ht="15" customHeight="1" x14ac:dyDescent="0.15">
      <c r="E46" s="2"/>
      <c r="F46" s="2"/>
      <c r="I46" s="2"/>
    </row>
    <row r="47" spans="1:9" s="41" customFormat="1" ht="15" customHeight="1" x14ac:dyDescent="0.15">
      <c r="E47" s="2"/>
      <c r="F47" s="2"/>
      <c r="I47" s="2"/>
    </row>
    <row r="48" spans="1:9" s="41" customFormat="1" ht="15" customHeight="1" x14ac:dyDescent="0.15">
      <c r="E48" s="2"/>
      <c r="F48" s="2"/>
      <c r="I48" s="2"/>
    </row>
    <row r="49" spans="5:9" s="41" customFormat="1" ht="15" customHeight="1" x14ac:dyDescent="0.15">
      <c r="E49" s="2"/>
      <c r="F49" s="2"/>
      <c r="I49" s="2"/>
    </row>
    <row r="50" spans="5:9" s="41" customFormat="1" ht="15" customHeight="1" x14ac:dyDescent="0.15">
      <c r="E50" s="2"/>
      <c r="F50" s="2"/>
      <c r="I50" s="2"/>
    </row>
    <row r="51" spans="5:9" s="41" customFormat="1" ht="15" customHeight="1" x14ac:dyDescent="0.15">
      <c r="E51" s="2"/>
      <c r="F51" s="2"/>
      <c r="I51" s="2"/>
    </row>
    <row r="52" spans="5:9" s="41" customFormat="1" ht="15" customHeight="1" x14ac:dyDescent="0.15">
      <c r="E52" s="2"/>
      <c r="F52" s="2"/>
      <c r="I52" s="2"/>
    </row>
    <row r="53" spans="5:9" s="41" customFormat="1" ht="15" customHeight="1" x14ac:dyDescent="0.15">
      <c r="E53" s="2"/>
      <c r="F53" s="2"/>
      <c r="I53" s="2"/>
    </row>
    <row r="54" spans="5:9" ht="15" customHeight="1" x14ac:dyDescent="0.15"/>
    <row r="55" spans="5:9" ht="15" customHeight="1" x14ac:dyDescent="0.15"/>
    <row r="56" spans="5:9" ht="15" customHeight="1" x14ac:dyDescent="0.15"/>
    <row r="57" spans="5:9" ht="15" customHeight="1" x14ac:dyDescent="0.15"/>
    <row r="58" spans="5:9" ht="15" customHeight="1" x14ac:dyDescent="0.15"/>
    <row r="59" spans="5:9" ht="15" customHeight="1" x14ac:dyDescent="0.15"/>
    <row r="60" spans="5:9" ht="15" customHeight="1" x14ac:dyDescent="0.15"/>
    <row r="61" spans="5:9" ht="15" customHeight="1" x14ac:dyDescent="0.15"/>
  </sheetData>
  <mergeCells count="3">
    <mergeCell ref="A3:A35"/>
    <mergeCell ref="B1:H1"/>
    <mergeCell ref="E3:E16"/>
  </mergeCells>
  <phoneticPr fontId="3"/>
  <pageMargins left="0.39370078740157483" right="0.39370078740157483" top="0.19685039370078741" bottom="0.19685039370078741" header="0.51181102362204722" footer="0.51181102362204722"/>
  <pageSetup paperSize="9" orientation="landscape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0</vt:i4>
      </vt:variant>
      <vt:variant>
        <vt:lpstr>名前付き一覧</vt:lpstr>
      </vt:variant>
      <vt:variant>
        <vt:i4>17</vt:i4>
      </vt:variant>
    </vt:vector>
  </HeadingPairs>
  <TitlesOfParts>
    <vt:vector size="37" baseType="lpstr">
      <vt:lpstr>⓪</vt:lpstr>
      <vt:lpstr>①</vt:lpstr>
      <vt:lpstr>②</vt:lpstr>
      <vt:lpstr>③</vt:lpstr>
      <vt:lpstr>④</vt:lpstr>
      <vt:lpstr>⑤</vt:lpstr>
      <vt:lpstr>⑥</vt:lpstr>
      <vt:lpstr>⑦</vt:lpstr>
      <vt:lpstr>⑧</vt:lpstr>
      <vt:lpstr>⑨</vt:lpstr>
      <vt:lpstr>⑩</vt:lpstr>
      <vt:lpstr>⑪</vt:lpstr>
      <vt:lpstr>⑫</vt:lpstr>
      <vt:lpstr>⑬</vt:lpstr>
      <vt:lpstr>⑭(ﾌﾚｾﾝ) </vt:lpstr>
      <vt:lpstr>⑭(ランド) </vt:lpstr>
      <vt:lpstr>⑮</vt:lpstr>
      <vt:lpstr>⑯</vt:lpstr>
      <vt:lpstr>⑰</vt:lpstr>
      <vt:lpstr>⑱</vt:lpstr>
      <vt:lpstr>①!Print_Area</vt:lpstr>
      <vt:lpstr>②!Print_Area</vt:lpstr>
      <vt:lpstr>③!Print_Area</vt:lpstr>
      <vt:lpstr>④!Print_Area</vt:lpstr>
      <vt:lpstr>⑥!Print_Area</vt:lpstr>
      <vt:lpstr>⑦!Print_Area</vt:lpstr>
      <vt:lpstr>⑧!Print_Area</vt:lpstr>
      <vt:lpstr>⑨!Print_Area</vt:lpstr>
      <vt:lpstr>⑩!Print_Area</vt:lpstr>
      <vt:lpstr>⑫!Print_Area</vt:lpstr>
      <vt:lpstr>⑬!Print_Area</vt:lpstr>
      <vt:lpstr>'⑭(ﾌﾚｾﾝ) '!Print_Area</vt:lpstr>
      <vt:lpstr>'⑭(ランド) '!Print_Area</vt:lpstr>
      <vt:lpstr>⑮!Print_Area</vt:lpstr>
      <vt:lpstr>⑯!Print_Area</vt:lpstr>
      <vt:lpstr>⑰!Print_Area</vt:lpstr>
      <vt:lpstr>⑱!Print_Area</vt:lpstr>
    </vt:vector>
  </TitlesOfParts>
  <Company>Toshib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宮林 昌英</dc:creator>
  <cp:lastModifiedBy>宮林 昌英</cp:lastModifiedBy>
  <cp:lastPrinted>2019-04-11T04:55:45Z</cp:lastPrinted>
  <dcterms:created xsi:type="dcterms:W3CDTF">2019-04-03T07:47:33Z</dcterms:created>
  <dcterms:modified xsi:type="dcterms:W3CDTF">2019-04-15T01:20:29Z</dcterms:modified>
</cp:coreProperties>
</file>